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Extensible.xml" ContentType="application/vnd.openxmlformats-officedocument.wordprocessingml.commentsExtensible+xml"/>
  <Override PartName="/word/commentsIds.xml" ContentType="application/vnd.openxmlformats-officedocument.wordprocessingml.commentsId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C242EC3" w14:textId="77777777" w:rsidR="00582078" w:rsidRPr="00582078" w:rsidRDefault="00582078" w:rsidP="00582078">
      <w:pPr>
        <w:jc w:val="center"/>
        <w:rPr>
          <w:b/>
          <w:sz w:val="24"/>
          <w:szCs w:val="24"/>
        </w:rPr>
      </w:pPr>
      <w:bookmarkStart w:id="0" w:name="_GoBack"/>
      <w:bookmarkEnd w:id="0"/>
      <w:r w:rsidRPr="00582078">
        <w:rPr>
          <w:b/>
          <w:sz w:val="24"/>
          <w:szCs w:val="24"/>
        </w:rPr>
        <w:t>EDAM Access Charge Draft Tariff Changes</w:t>
      </w:r>
    </w:p>
    <w:p w14:paraId="0322B26E" w14:textId="77777777" w:rsidR="00582078" w:rsidRPr="00582078" w:rsidRDefault="00582078" w:rsidP="00582078">
      <w:pPr>
        <w:jc w:val="center"/>
        <w:rPr>
          <w:b/>
          <w:i/>
          <w:sz w:val="24"/>
          <w:szCs w:val="24"/>
        </w:rPr>
      </w:pPr>
      <w:r w:rsidRPr="00582078">
        <w:rPr>
          <w:b/>
          <w:i/>
          <w:sz w:val="24"/>
          <w:szCs w:val="24"/>
        </w:rPr>
        <w:t>Redlining reflects revisions from 3-15 draft</w:t>
      </w:r>
    </w:p>
    <w:p w14:paraId="6523D34A" w14:textId="77777777" w:rsidR="00582078" w:rsidRPr="00582078" w:rsidRDefault="00582078" w:rsidP="00582078">
      <w:pPr>
        <w:jc w:val="center"/>
        <w:rPr>
          <w:b/>
          <w:i/>
          <w:sz w:val="24"/>
          <w:szCs w:val="24"/>
        </w:rPr>
      </w:pPr>
      <w:r w:rsidRPr="00582078">
        <w:rPr>
          <w:b/>
          <w:i/>
          <w:sz w:val="24"/>
          <w:szCs w:val="24"/>
        </w:rPr>
        <w:t>Grey highlights reflect already approved tariff language</w:t>
      </w:r>
    </w:p>
    <w:p w14:paraId="1778FF84" w14:textId="77777777" w:rsidR="00C43356" w:rsidRPr="00E4102E" w:rsidRDefault="00C43356" w:rsidP="00502D35">
      <w:pPr>
        <w:jc w:val="center"/>
        <w:rPr>
          <w:b/>
        </w:rPr>
      </w:pPr>
    </w:p>
    <w:p w14:paraId="35938437" w14:textId="571B7F36" w:rsidR="00521673" w:rsidRPr="00582078" w:rsidRDefault="00116ADA" w:rsidP="00521673">
      <w:pPr>
        <w:rPr>
          <w:highlight w:val="lightGray"/>
        </w:rPr>
      </w:pPr>
      <w:r w:rsidRPr="00582078">
        <w:rPr>
          <w:b/>
          <w:highlight w:val="lightGray"/>
        </w:rPr>
        <w:t>33.2.5 Implementation Activities.</w:t>
      </w:r>
      <w:r w:rsidRPr="00582078">
        <w:rPr>
          <w:highlight w:val="lightGray"/>
        </w:rPr>
        <w:t xml:space="preserve"> </w:t>
      </w:r>
    </w:p>
    <w:p w14:paraId="77440765" w14:textId="77777777" w:rsidR="00521673" w:rsidRPr="00582078" w:rsidRDefault="00116ADA" w:rsidP="00521673">
      <w:pPr>
        <w:ind w:left="720"/>
        <w:rPr>
          <w:highlight w:val="lightGray"/>
        </w:rPr>
      </w:pPr>
      <w:r w:rsidRPr="00582078">
        <w:rPr>
          <w:highlight w:val="lightGray"/>
        </w:rPr>
        <w:t xml:space="preserve">The CAISO and the prospective EDAM Entity will complete the following implementation activities:  </w:t>
      </w:r>
    </w:p>
    <w:p w14:paraId="07DCB098" w14:textId="77777777" w:rsidR="00521673" w:rsidRPr="00582078" w:rsidRDefault="00116ADA" w:rsidP="00521673">
      <w:pPr>
        <w:ind w:left="2160" w:hanging="720"/>
        <w:rPr>
          <w:highlight w:val="lightGray"/>
        </w:rPr>
      </w:pPr>
      <w:r w:rsidRPr="00582078">
        <w:rPr>
          <w:highlight w:val="lightGray"/>
        </w:rPr>
        <w:t>(A)</w:t>
      </w:r>
      <w:r w:rsidRPr="00582078">
        <w:rPr>
          <w:highlight w:val="lightGray"/>
        </w:rPr>
        <w:tab/>
      </w:r>
      <w:r w:rsidRPr="00582078">
        <w:rPr>
          <w:b/>
          <w:highlight w:val="lightGray"/>
        </w:rPr>
        <w:t xml:space="preserve">Execution of Necessary Agreements. </w:t>
      </w:r>
      <w:r w:rsidRPr="00582078">
        <w:rPr>
          <w:highlight w:val="lightGray"/>
        </w:rPr>
        <w:t xml:space="preserve"> The prospective EDAM Entity has complied with Section 33.2.1, executed any necessary agreements for operating as an EDAM Entity, and helped the CAISO secure necessary agreements with third party prospective EDAM Market Participants. </w:t>
      </w:r>
    </w:p>
    <w:p w14:paraId="386F7749" w14:textId="77777777" w:rsidR="00521673" w:rsidRPr="00582078" w:rsidRDefault="00116ADA" w:rsidP="00521673">
      <w:pPr>
        <w:ind w:left="2160" w:hanging="720"/>
        <w:rPr>
          <w:highlight w:val="lightGray"/>
        </w:rPr>
      </w:pPr>
      <w:r w:rsidRPr="00582078">
        <w:rPr>
          <w:highlight w:val="lightGray"/>
        </w:rPr>
        <w:t>(B)</w:t>
      </w:r>
      <w:r w:rsidRPr="00582078">
        <w:rPr>
          <w:highlight w:val="lightGray"/>
        </w:rPr>
        <w:tab/>
      </w:r>
      <w:r w:rsidRPr="00582078">
        <w:rPr>
          <w:b/>
          <w:highlight w:val="lightGray"/>
        </w:rPr>
        <w:t>Operations Training.</w:t>
      </w:r>
      <w:r w:rsidRPr="00582078">
        <w:rPr>
          <w:highlight w:val="lightGray"/>
        </w:rPr>
        <w:t xml:space="preserve">  Prior to the start of parallel operations as set forth in Section 33.2.3, all operations staff (including contractors or vendors) identified by the prospective EDAM Entity who will have responsibility for EDAM operations, market transactions and settlements, will have completed identified CAISO training modules.  </w:t>
      </w:r>
    </w:p>
    <w:p w14:paraId="273FEA9C" w14:textId="77777777" w:rsidR="00521673" w:rsidRPr="00582078" w:rsidRDefault="00116ADA" w:rsidP="00521673">
      <w:pPr>
        <w:ind w:left="2160" w:hanging="720"/>
        <w:rPr>
          <w:highlight w:val="lightGray"/>
        </w:rPr>
      </w:pPr>
      <w:r w:rsidRPr="00582078">
        <w:rPr>
          <w:highlight w:val="lightGray"/>
        </w:rPr>
        <w:t>(C)</w:t>
      </w:r>
      <w:r w:rsidRPr="00582078">
        <w:rPr>
          <w:highlight w:val="lightGray"/>
        </w:rPr>
        <w:tab/>
      </w:r>
      <w:r w:rsidRPr="00582078">
        <w:rPr>
          <w:b/>
          <w:highlight w:val="lightGray"/>
        </w:rPr>
        <w:t>Forecasting Capability.</w:t>
      </w:r>
      <w:r w:rsidRPr="00582078">
        <w:rPr>
          <w:highlight w:val="lightGray"/>
        </w:rPr>
        <w:t xml:space="preserve">  The CAISO and, to the extent the prospective EDAM Entity will use its own forecasts or is otherwise required to provide forecasting information to the CAISO, the prospective EDAM Entity has demonstrated its respective forecasting capability through – </w:t>
      </w:r>
    </w:p>
    <w:p w14:paraId="5A183A43" w14:textId="77777777" w:rsidR="00521673" w:rsidRPr="00582078" w:rsidRDefault="00116ADA" w:rsidP="00521673">
      <w:pPr>
        <w:ind w:left="2880" w:hanging="720"/>
        <w:rPr>
          <w:highlight w:val="lightGray"/>
        </w:rPr>
      </w:pPr>
      <w:r w:rsidRPr="00582078">
        <w:rPr>
          <w:highlight w:val="lightGray"/>
        </w:rPr>
        <w:t>(i)</w:t>
      </w:r>
      <w:r w:rsidRPr="00582078">
        <w:rPr>
          <w:highlight w:val="lightGray"/>
        </w:rPr>
        <w:tab/>
        <w:t>the definition of day-ahead demand forecast boundaries based on the conforming and non-conforming load characteristics, as applicable;</w:t>
      </w:r>
    </w:p>
    <w:p w14:paraId="6E800324" w14:textId="77777777" w:rsidR="00521673" w:rsidRPr="00582078" w:rsidRDefault="00116ADA" w:rsidP="00521673">
      <w:pPr>
        <w:ind w:left="2880" w:hanging="720"/>
        <w:rPr>
          <w:highlight w:val="lightGray"/>
        </w:rPr>
      </w:pPr>
      <w:r w:rsidRPr="00582078">
        <w:rPr>
          <w:highlight w:val="lightGray"/>
        </w:rPr>
        <w:t>(ii)</w:t>
      </w:r>
      <w:r w:rsidRPr="00582078">
        <w:rPr>
          <w:highlight w:val="lightGray"/>
        </w:rPr>
        <w:tab/>
        <w:t xml:space="preserve">the documentation of EDAM Entity’s choice of day-ahead demand forecast provider and how the demand forecast will be completed; </w:t>
      </w:r>
    </w:p>
    <w:p w14:paraId="40055E02" w14:textId="77777777" w:rsidR="00521673" w:rsidRPr="00582078" w:rsidRDefault="00116ADA" w:rsidP="00521673">
      <w:pPr>
        <w:ind w:left="2880" w:hanging="720"/>
        <w:rPr>
          <w:highlight w:val="lightGray"/>
        </w:rPr>
      </w:pPr>
      <w:r w:rsidRPr="00582078">
        <w:rPr>
          <w:highlight w:val="lightGray"/>
        </w:rPr>
        <w:t>(iii)</w:t>
      </w:r>
      <w:r w:rsidRPr="00582078">
        <w:rPr>
          <w:highlight w:val="lightGray"/>
        </w:rPr>
        <w:tab/>
        <w:t xml:space="preserve">the accuracy of the CAISO forecast of demand based on historical actual load data for the defined demand forecast boundaries; </w:t>
      </w:r>
    </w:p>
    <w:p w14:paraId="28F45C27" w14:textId="77777777" w:rsidR="00521673" w:rsidRPr="00582078" w:rsidRDefault="00116ADA" w:rsidP="00521673">
      <w:pPr>
        <w:ind w:left="2880" w:hanging="720"/>
        <w:rPr>
          <w:highlight w:val="lightGray"/>
        </w:rPr>
      </w:pPr>
      <w:r w:rsidRPr="00582078">
        <w:rPr>
          <w:highlight w:val="lightGray"/>
        </w:rPr>
        <w:t>(iv)</w:t>
      </w:r>
      <w:r w:rsidRPr="00582078">
        <w:rPr>
          <w:highlight w:val="lightGray"/>
        </w:rPr>
        <w:tab/>
        <w:t xml:space="preserve">the identification of weather stations locations used in forecasting, as applicable; </w:t>
      </w:r>
    </w:p>
    <w:p w14:paraId="41800D73" w14:textId="77777777" w:rsidR="00521673" w:rsidRPr="00582078" w:rsidRDefault="00116ADA" w:rsidP="00521673">
      <w:pPr>
        <w:ind w:left="2880" w:hanging="720"/>
        <w:rPr>
          <w:highlight w:val="lightGray"/>
        </w:rPr>
      </w:pPr>
      <w:r w:rsidRPr="00582078">
        <w:rPr>
          <w:highlight w:val="lightGray"/>
        </w:rPr>
        <w:lastRenderedPageBreak/>
        <w:t>(v)</w:t>
      </w:r>
      <w:r w:rsidRPr="00582078">
        <w:rPr>
          <w:highlight w:val="lightGray"/>
        </w:rPr>
        <w:tab/>
        <w:t xml:space="preserve">the identification of the source of day-ahead Variable Energy Resource forecasts; </w:t>
      </w:r>
    </w:p>
    <w:p w14:paraId="6890C0FA" w14:textId="77777777" w:rsidR="00521673" w:rsidRPr="00582078" w:rsidRDefault="00116ADA" w:rsidP="00521673">
      <w:pPr>
        <w:ind w:left="2880" w:hanging="720"/>
        <w:rPr>
          <w:highlight w:val="lightGray"/>
        </w:rPr>
      </w:pPr>
      <w:r w:rsidRPr="00582078">
        <w:rPr>
          <w:highlight w:val="lightGray"/>
        </w:rPr>
        <w:t xml:space="preserve">(vi) </w:t>
      </w:r>
      <w:r w:rsidRPr="00582078">
        <w:rPr>
          <w:highlight w:val="lightGray"/>
        </w:rPr>
        <w:tab/>
        <w:t xml:space="preserve">the accuracy of the day-ahead forecast of Variable Energy Resources; </w:t>
      </w:r>
    </w:p>
    <w:p w14:paraId="14482C9C" w14:textId="77777777" w:rsidR="00521673" w:rsidRPr="00582078" w:rsidRDefault="00116ADA" w:rsidP="00521673">
      <w:pPr>
        <w:ind w:left="2880" w:hanging="720"/>
        <w:rPr>
          <w:highlight w:val="lightGray"/>
        </w:rPr>
      </w:pPr>
      <w:r w:rsidRPr="00582078">
        <w:rPr>
          <w:highlight w:val="lightGray"/>
        </w:rPr>
        <w:t>(vii)</w:t>
      </w:r>
      <w:r w:rsidRPr="00582078">
        <w:rPr>
          <w:highlight w:val="lightGray"/>
        </w:rPr>
        <w:tab/>
        <w:t>the identification of all Hybrid Resources; and</w:t>
      </w:r>
    </w:p>
    <w:p w14:paraId="2FE424D4" w14:textId="77777777" w:rsidR="00521673" w:rsidRPr="00582078" w:rsidRDefault="00116ADA" w:rsidP="00521673">
      <w:pPr>
        <w:ind w:left="2880" w:hanging="720"/>
        <w:rPr>
          <w:highlight w:val="lightGray"/>
        </w:rPr>
      </w:pPr>
      <w:r w:rsidRPr="00582078">
        <w:rPr>
          <w:highlight w:val="lightGray"/>
        </w:rPr>
        <w:t>(viii)      the provision of CAISO historical data on day-ahead demand and renewable forecast information to fill the needed historical data period to produce the Imbalance Reserve requirements at the net load level.</w:t>
      </w:r>
    </w:p>
    <w:p w14:paraId="5E65AFC8" w14:textId="77777777" w:rsidR="00521673" w:rsidRPr="00582078" w:rsidRDefault="00116ADA" w:rsidP="00521673">
      <w:pPr>
        <w:ind w:left="2160" w:hanging="720"/>
        <w:rPr>
          <w:highlight w:val="lightGray"/>
        </w:rPr>
      </w:pPr>
      <w:r w:rsidRPr="00582078">
        <w:rPr>
          <w:highlight w:val="lightGray"/>
        </w:rPr>
        <w:t>(D)</w:t>
      </w:r>
      <w:r w:rsidRPr="00582078">
        <w:rPr>
          <w:highlight w:val="lightGray"/>
        </w:rPr>
        <w:tab/>
      </w:r>
      <w:r w:rsidRPr="00582078">
        <w:rPr>
          <w:b/>
          <w:highlight w:val="lightGray"/>
        </w:rPr>
        <w:t>Resource Sufficiency Evaluation.</w:t>
      </w:r>
      <w:r w:rsidRPr="00582078">
        <w:rPr>
          <w:highlight w:val="lightGray"/>
        </w:rPr>
        <w:t xml:space="preserve">  The prospective EDAM Entity Scheduling Coordinator demonstrates its ability to pass the Resource Sufficiency Evaluation for the prospective EDAM Entity’s Balancing Authority Area.  </w:t>
      </w:r>
    </w:p>
    <w:p w14:paraId="7E157288" w14:textId="77777777" w:rsidR="00521673" w:rsidRPr="00582078" w:rsidRDefault="00116ADA" w:rsidP="00521673">
      <w:pPr>
        <w:ind w:left="2160" w:hanging="720"/>
        <w:rPr>
          <w:highlight w:val="lightGray"/>
        </w:rPr>
      </w:pPr>
      <w:r w:rsidRPr="00582078">
        <w:rPr>
          <w:highlight w:val="lightGray"/>
        </w:rPr>
        <w:t>(E)</w:t>
      </w:r>
      <w:r w:rsidRPr="00582078">
        <w:rPr>
          <w:highlight w:val="lightGray"/>
        </w:rPr>
        <w:tab/>
      </w:r>
      <w:r w:rsidRPr="00582078">
        <w:rPr>
          <w:b/>
          <w:highlight w:val="lightGray"/>
        </w:rPr>
        <w:t xml:space="preserve">Transmission Availability.  </w:t>
      </w:r>
      <w:r w:rsidRPr="00582078">
        <w:rPr>
          <w:highlight w:val="lightGray"/>
        </w:rPr>
        <w:t>The prospective EDAM Entity confirms initial registration of the transmission rights of the EDAM Transmission Service Providers in its Balancing Authority Area available for EDAM Transfers or that otherwise may be scheduled in the Day-Ahead Market.</w:t>
      </w:r>
    </w:p>
    <w:p w14:paraId="17D7B44F" w14:textId="77777777" w:rsidR="00521673" w:rsidRPr="00582078" w:rsidRDefault="00116ADA" w:rsidP="00521673">
      <w:pPr>
        <w:ind w:left="2160" w:hanging="720"/>
        <w:rPr>
          <w:highlight w:val="lightGray"/>
        </w:rPr>
      </w:pPr>
      <w:r w:rsidRPr="00582078">
        <w:rPr>
          <w:highlight w:val="lightGray"/>
        </w:rPr>
        <w:t>(F)</w:t>
      </w:r>
      <w:r w:rsidRPr="00582078">
        <w:rPr>
          <w:highlight w:val="lightGray"/>
        </w:rPr>
        <w:tab/>
      </w:r>
      <w:r w:rsidRPr="00582078">
        <w:rPr>
          <w:b/>
          <w:highlight w:val="lightGray"/>
        </w:rPr>
        <w:t>Operating Procedures.</w:t>
      </w:r>
      <w:r w:rsidRPr="00582078">
        <w:rPr>
          <w:highlight w:val="lightGray"/>
        </w:rPr>
        <w:t xml:space="preserve">  Prior to the start of parallel operations pursuant to Section 33.2.3, the CAISO and the prospective EDAM Entity have defined, completed, and tested operating procedures for the prospective EDAM Entity and its Scheduling Coordinator’s participation in the Energy Imbalance Market.</w:t>
      </w:r>
    </w:p>
    <w:p w14:paraId="492CF990" w14:textId="77777777" w:rsidR="00521673" w:rsidRPr="00582078" w:rsidRDefault="00116ADA" w:rsidP="00521673">
      <w:pPr>
        <w:ind w:left="720" w:firstLine="720"/>
        <w:rPr>
          <w:highlight w:val="lightGray"/>
        </w:rPr>
      </w:pPr>
      <w:r w:rsidRPr="00582078">
        <w:rPr>
          <w:highlight w:val="lightGray"/>
        </w:rPr>
        <w:t>(G)</w:t>
      </w:r>
      <w:r w:rsidRPr="00582078">
        <w:rPr>
          <w:highlight w:val="lightGray"/>
        </w:rPr>
        <w:tab/>
      </w:r>
      <w:r w:rsidRPr="00582078">
        <w:rPr>
          <w:b/>
          <w:highlight w:val="lightGray"/>
        </w:rPr>
        <w:t>System Readiness and Integration.</w:t>
      </w:r>
      <w:r w:rsidRPr="00582078">
        <w:rPr>
          <w:highlight w:val="lightGray"/>
        </w:rPr>
        <w:t xml:space="preserve">  </w:t>
      </w:r>
    </w:p>
    <w:p w14:paraId="5D6EF25C" w14:textId="77777777" w:rsidR="00521673" w:rsidRPr="00582078" w:rsidRDefault="00116ADA" w:rsidP="00521673">
      <w:pPr>
        <w:ind w:left="2880" w:hanging="720"/>
        <w:rPr>
          <w:highlight w:val="lightGray"/>
        </w:rPr>
      </w:pPr>
      <w:r w:rsidRPr="00582078">
        <w:rPr>
          <w:highlight w:val="lightGray"/>
        </w:rPr>
        <w:t>(i)</w:t>
      </w:r>
      <w:r w:rsidRPr="00582078">
        <w:rPr>
          <w:highlight w:val="lightGray"/>
        </w:rPr>
        <w:tab/>
      </w:r>
      <w:r w:rsidRPr="00582078">
        <w:rPr>
          <w:b/>
          <w:highlight w:val="lightGray"/>
        </w:rPr>
        <w:t>System and Functional Testing.</w:t>
      </w:r>
      <w:r w:rsidRPr="00582078">
        <w:rPr>
          <w:highlight w:val="lightGray"/>
        </w:rPr>
        <w:t xml:space="preserve">  The prospective EDAM Entity and the CAISO have tested the functional and system elements in accordance with functional and system testing documentation posted on the CAISO Website.</w:t>
      </w:r>
    </w:p>
    <w:p w14:paraId="0454A697" w14:textId="77777777" w:rsidR="00521673" w:rsidRPr="00582078" w:rsidRDefault="00116ADA" w:rsidP="00521673">
      <w:pPr>
        <w:ind w:left="2880" w:hanging="720"/>
        <w:rPr>
          <w:highlight w:val="lightGray"/>
        </w:rPr>
      </w:pPr>
      <w:r w:rsidRPr="00582078">
        <w:rPr>
          <w:highlight w:val="lightGray"/>
        </w:rPr>
        <w:t>(ii)</w:t>
      </w:r>
      <w:r w:rsidRPr="00582078">
        <w:rPr>
          <w:highlight w:val="lightGray"/>
        </w:rPr>
        <w:tab/>
      </w:r>
      <w:r w:rsidRPr="00582078">
        <w:rPr>
          <w:b/>
          <w:highlight w:val="lightGray"/>
        </w:rPr>
        <w:t>Prospective EDAM Entity Identification.</w:t>
      </w:r>
      <w:r w:rsidRPr="00582078">
        <w:rPr>
          <w:highlight w:val="lightGray"/>
        </w:rPr>
        <w:t xml:space="preserve">  The CAISO has established and the prospective EDAM Entity has tested all necessary SCIDs and Resource IDs established for the prospective EDAM Entity’s Balancing Authority Area.</w:t>
      </w:r>
      <w:r w:rsidRPr="00582078">
        <w:rPr>
          <w:highlight w:val="lightGray"/>
        </w:rPr>
        <w:tab/>
      </w:r>
    </w:p>
    <w:p w14:paraId="3E87A94D" w14:textId="77777777" w:rsidR="00521673" w:rsidRPr="00582078" w:rsidRDefault="00116ADA" w:rsidP="00521673">
      <w:pPr>
        <w:ind w:left="2880" w:hanging="720"/>
        <w:rPr>
          <w:highlight w:val="lightGray"/>
        </w:rPr>
      </w:pPr>
      <w:r w:rsidRPr="00582078">
        <w:rPr>
          <w:highlight w:val="lightGray"/>
        </w:rPr>
        <w:t>(iii)</w:t>
      </w:r>
      <w:r w:rsidRPr="00582078">
        <w:rPr>
          <w:highlight w:val="lightGray"/>
        </w:rPr>
        <w:tab/>
      </w:r>
      <w:r w:rsidRPr="00582078">
        <w:rPr>
          <w:b/>
          <w:highlight w:val="lightGray"/>
        </w:rPr>
        <w:t>Certificates and Access.</w:t>
      </w:r>
      <w:r w:rsidRPr="00582078">
        <w:rPr>
          <w:highlight w:val="lightGray"/>
        </w:rPr>
        <w:t xml:space="preserve">  The prospective EDAM Entity has issued all </w:t>
      </w:r>
      <w:r w:rsidRPr="00582078">
        <w:rPr>
          <w:highlight w:val="lightGray"/>
        </w:rPr>
        <w:lastRenderedPageBreak/>
        <w:t>necessary certificates to its employees, contractors and vendors that require system access to perform EDAM-related job functions.</w:t>
      </w:r>
    </w:p>
    <w:p w14:paraId="7576BC85" w14:textId="77777777" w:rsidR="00521673" w:rsidRPr="00582078" w:rsidRDefault="00116ADA" w:rsidP="00521673">
      <w:pPr>
        <w:ind w:left="2160" w:hanging="720"/>
        <w:rPr>
          <w:highlight w:val="lightGray"/>
        </w:rPr>
      </w:pPr>
      <w:r w:rsidRPr="00582078">
        <w:rPr>
          <w:highlight w:val="lightGray"/>
        </w:rPr>
        <w:t>(H)</w:t>
      </w:r>
      <w:r w:rsidRPr="00582078">
        <w:rPr>
          <w:highlight w:val="lightGray"/>
        </w:rPr>
        <w:tab/>
      </w:r>
      <w:r w:rsidRPr="00582078">
        <w:rPr>
          <w:b/>
          <w:highlight w:val="lightGray"/>
        </w:rPr>
        <w:t>Market Simulation and Structured Scenarios simulation.</w:t>
      </w:r>
      <w:r w:rsidRPr="00582078">
        <w:rPr>
          <w:highlight w:val="lightGray"/>
        </w:rPr>
        <w:t xml:space="preserve">  The prospective EDAM Entity operations staff identified by the prospective EDAM Entity who will have responsibility for EDAM operations, transactions and settlements, have executed and passed all structured scenarios provided by CAISO with all significant issues resolved. </w:t>
      </w:r>
    </w:p>
    <w:p w14:paraId="672B3A71" w14:textId="77777777" w:rsidR="00521673" w:rsidRPr="00582078" w:rsidRDefault="00116ADA" w:rsidP="00521673">
      <w:pPr>
        <w:ind w:left="2160" w:hanging="720"/>
        <w:rPr>
          <w:highlight w:val="lightGray"/>
        </w:rPr>
      </w:pPr>
      <w:r w:rsidRPr="00582078">
        <w:rPr>
          <w:highlight w:val="lightGray"/>
        </w:rPr>
        <w:t>(I)</w:t>
      </w:r>
      <w:r w:rsidRPr="00582078">
        <w:rPr>
          <w:b/>
          <w:highlight w:val="lightGray"/>
        </w:rPr>
        <w:tab/>
        <w:t>Settlements.</w:t>
      </w:r>
      <w:r w:rsidRPr="00582078">
        <w:rPr>
          <w:highlight w:val="lightGray"/>
        </w:rPr>
        <w:t xml:space="preserve">  The CAISO and the prospective EDAM Entity have demonstrated that – </w:t>
      </w:r>
    </w:p>
    <w:p w14:paraId="006DF246" w14:textId="77777777" w:rsidR="00521673" w:rsidRPr="00582078" w:rsidRDefault="00116ADA" w:rsidP="00521673">
      <w:pPr>
        <w:ind w:left="3600" w:hanging="720"/>
        <w:rPr>
          <w:highlight w:val="lightGray"/>
        </w:rPr>
      </w:pPr>
      <w:r w:rsidRPr="00582078">
        <w:rPr>
          <w:highlight w:val="lightGray"/>
        </w:rPr>
        <w:t>(i)</w:t>
      </w:r>
      <w:r w:rsidRPr="00582078">
        <w:rPr>
          <w:highlight w:val="lightGray"/>
        </w:rPr>
        <w:tab/>
        <w:t>CAISO settlement statements and invoices match the operational data published to stakeholders or fed into settlement system and the resulting calculations correspond to the formulas defined in CAISO’s tariff and Business Practice Manuals.</w:t>
      </w:r>
    </w:p>
    <w:p w14:paraId="14F40627" w14:textId="77777777" w:rsidR="00521673" w:rsidRPr="00582078" w:rsidRDefault="00116ADA" w:rsidP="00521673">
      <w:pPr>
        <w:ind w:left="3600" w:hanging="720"/>
        <w:rPr>
          <w:highlight w:val="lightGray"/>
        </w:rPr>
      </w:pPr>
      <w:r w:rsidRPr="00582078">
        <w:rPr>
          <w:highlight w:val="lightGray"/>
        </w:rPr>
        <w:t>(ii)</w:t>
      </w:r>
      <w:r w:rsidRPr="00582078">
        <w:rPr>
          <w:highlight w:val="lightGray"/>
        </w:rPr>
        <w:tab/>
        <w:t>CAISO settlement statements and invoices allocates charges and credits to its customers accurately reflecting system and market data during parallel operations.</w:t>
      </w:r>
    </w:p>
    <w:p w14:paraId="709CCBC6" w14:textId="77777777" w:rsidR="00521673" w:rsidRPr="00E4102E" w:rsidRDefault="00116ADA" w:rsidP="00521673">
      <w:pPr>
        <w:ind w:left="2160" w:hanging="720"/>
      </w:pPr>
      <w:r w:rsidRPr="00582078">
        <w:rPr>
          <w:highlight w:val="lightGray"/>
        </w:rPr>
        <w:t>(J)</w:t>
      </w:r>
      <w:r w:rsidRPr="00582078">
        <w:rPr>
          <w:highlight w:val="lightGray"/>
        </w:rPr>
        <w:tab/>
      </w:r>
      <w:r w:rsidRPr="00582078">
        <w:rPr>
          <w:b/>
          <w:highlight w:val="lightGray"/>
        </w:rPr>
        <w:t xml:space="preserve">Parallel Operations Plan.  </w:t>
      </w:r>
      <w:r w:rsidRPr="00582078">
        <w:rPr>
          <w:highlight w:val="lightGray"/>
        </w:rPr>
        <w:t>The period of parallel operations specified in Section 33.2.3 runs consistently and in accordance with the prospective EDAM Entity specific parallel operations plan.</w:t>
      </w:r>
    </w:p>
    <w:p w14:paraId="4A426CD1" w14:textId="6412E2C7" w:rsidR="00521673" w:rsidRPr="00E4102E" w:rsidRDefault="00116ADA" w:rsidP="00521673">
      <w:pPr>
        <w:ind w:left="2160" w:hanging="720"/>
      </w:pPr>
      <w:r w:rsidRPr="00E4102E">
        <w:t>(K)</w:t>
      </w:r>
      <w:r w:rsidRPr="00E4102E">
        <w:tab/>
      </w:r>
      <w:r w:rsidRPr="00E4102E">
        <w:rPr>
          <w:b/>
        </w:rPr>
        <w:t>Historical Revenue Recovery.</w:t>
      </w:r>
      <w:r w:rsidRPr="00E4102E">
        <w:t xml:space="preserve">  </w:t>
      </w:r>
      <w:del w:id="1" w:author="Author">
        <w:r w:rsidRPr="00B0684B">
          <w:delText>The</w:delText>
        </w:r>
      </w:del>
      <w:ins w:id="2" w:author="Author">
        <w:r w:rsidR="005512C0" w:rsidRPr="00E4102E">
          <w:t>As specified in the Business Practice Manual</w:t>
        </w:r>
        <w:r w:rsidR="00557B38" w:rsidRPr="00E4102E">
          <w:t xml:space="preserve"> for the Extended Day-Ahead Market</w:t>
        </w:r>
        <w:r w:rsidR="005512C0" w:rsidRPr="00E4102E">
          <w:t>, but no later than three (3) months before the EDAM Access Charge would begin to be assessed, t</w:t>
        </w:r>
        <w:r w:rsidR="000438F0" w:rsidRPr="00E4102E">
          <w:t>he</w:t>
        </w:r>
      </w:ins>
      <w:r w:rsidR="000438F0" w:rsidRPr="00E4102E">
        <w:t xml:space="preserve"> EDAM Entity, and the CAISO for the CAISO Balancing Authority Area for the initial EDAM implementation, </w:t>
      </w:r>
      <w:ins w:id="3" w:author="Author">
        <w:r w:rsidR="000438F0" w:rsidRPr="00E4102E">
          <w:t xml:space="preserve">will </w:t>
        </w:r>
      </w:ins>
      <w:r w:rsidR="000438F0" w:rsidRPr="00E4102E">
        <w:t xml:space="preserve">exchange </w:t>
      </w:r>
      <w:del w:id="4" w:author="Author">
        <w:r w:rsidRPr="00B0684B">
          <w:delText xml:space="preserve">provides </w:delText>
        </w:r>
      </w:del>
      <w:r w:rsidR="000438F0" w:rsidRPr="00E4102E">
        <w:t xml:space="preserve">the information and documentation necessary to account for the EDAM </w:t>
      </w:r>
      <w:del w:id="5" w:author="Author">
        <w:r w:rsidRPr="00B0684B">
          <w:delText>recoverable revenue</w:delText>
        </w:r>
      </w:del>
      <w:ins w:id="6" w:author="Author">
        <w:r w:rsidR="000846A3" w:rsidRPr="00E4102E">
          <w:t>R</w:t>
        </w:r>
        <w:r w:rsidR="000438F0" w:rsidRPr="00E4102E">
          <w:t xml:space="preserve">ecoverable </w:t>
        </w:r>
        <w:r w:rsidR="000846A3" w:rsidRPr="00E4102E">
          <w:t>R</w:t>
        </w:r>
        <w:r w:rsidR="000438F0" w:rsidRPr="00E4102E">
          <w:t>evenue</w:t>
        </w:r>
      </w:ins>
      <w:r w:rsidR="000438F0" w:rsidRPr="00E4102E">
        <w:t xml:space="preserve"> pursuant to Section 33.26 associated with the EDAM Transmission Service Providers in its Balancing Authority Area</w:t>
      </w:r>
      <w:del w:id="7" w:author="Author">
        <w:r w:rsidRPr="00B0684B">
          <w:delText>.</w:delText>
        </w:r>
      </w:del>
      <w:ins w:id="8" w:author="Author">
        <w:r w:rsidR="00D0701C" w:rsidRPr="00E4102E">
          <w:t xml:space="preserve">, </w:t>
        </w:r>
      </w:ins>
    </w:p>
    <w:p w14:paraId="71557626" w14:textId="382C2D1A" w:rsidR="008C15B3" w:rsidRPr="00E4102E" w:rsidRDefault="008C15B3"/>
    <w:p w14:paraId="11CB1E6E" w14:textId="5013A7F5" w:rsidR="00017166" w:rsidRPr="00E4102E" w:rsidRDefault="00116ADA" w:rsidP="00017166">
      <w:pPr>
        <w:jc w:val="center"/>
      </w:pPr>
      <w:r w:rsidRPr="00E4102E">
        <w:lastRenderedPageBreak/>
        <w:t xml:space="preserve">* * * * * </w:t>
      </w:r>
    </w:p>
    <w:p w14:paraId="1D1F3C12" w14:textId="5703908F" w:rsidR="00017166" w:rsidRPr="00E4102E" w:rsidRDefault="00017166" w:rsidP="00017166">
      <w:pPr>
        <w:jc w:val="center"/>
      </w:pPr>
    </w:p>
    <w:p w14:paraId="3ECDAABF" w14:textId="77777777" w:rsidR="00C43356" w:rsidRPr="00E4102E" w:rsidRDefault="00C43356" w:rsidP="00017166">
      <w:pPr>
        <w:jc w:val="center"/>
      </w:pPr>
    </w:p>
    <w:p w14:paraId="3D305118" w14:textId="3918B990" w:rsidR="00332E33" w:rsidRPr="00E4102E" w:rsidRDefault="00116ADA" w:rsidP="00332E33">
      <w:pPr>
        <w:pStyle w:val="Heading1"/>
      </w:pPr>
      <w:r w:rsidRPr="00E4102E">
        <w:t xml:space="preserve">33.11.7 </w:t>
      </w:r>
      <w:ins w:id="9" w:author="Author">
        <w:r w:rsidR="000438F0" w:rsidRPr="00E4102E">
          <w:t xml:space="preserve"> </w:t>
        </w:r>
      </w:ins>
      <w:r w:rsidR="00E37DB1" w:rsidRPr="00E4102E">
        <w:t>Historical</w:t>
      </w:r>
      <w:r w:rsidRPr="00E4102E">
        <w:t xml:space="preserve"> Revenue Recovery.</w:t>
      </w:r>
    </w:p>
    <w:p w14:paraId="74DB4913" w14:textId="77777777" w:rsidR="00332E33" w:rsidRPr="00B0684B" w:rsidRDefault="000438F0" w:rsidP="00332E33">
      <w:pPr>
        <w:pStyle w:val="Heading1"/>
        <w:rPr>
          <w:del w:id="10" w:author="Author"/>
          <w:b w:val="0"/>
          <w:bCs/>
        </w:rPr>
      </w:pPr>
      <w:r w:rsidRPr="00E4102E">
        <w:rPr>
          <w:b w:val="0"/>
          <w:bCs/>
        </w:rPr>
        <w:t xml:space="preserve">The CAISO will allocate to each EDAM Entity </w:t>
      </w:r>
      <w:del w:id="11" w:author="Author">
        <w:r w:rsidR="00116ADA" w:rsidRPr="00B0684B">
          <w:rPr>
            <w:b w:val="0"/>
            <w:bCs/>
          </w:rPr>
          <w:delText xml:space="preserve">and EDAM Load Serving Entity </w:delText>
        </w:r>
      </w:del>
      <w:r w:rsidRPr="00E4102E">
        <w:rPr>
          <w:b w:val="0"/>
          <w:bCs/>
        </w:rPr>
        <w:t>an EDAM Access</w:t>
      </w:r>
    </w:p>
    <w:p w14:paraId="661163DE" w14:textId="77777777" w:rsidR="00332E33" w:rsidRPr="00B0684B" w:rsidRDefault="000438F0" w:rsidP="00332E33">
      <w:pPr>
        <w:pStyle w:val="Heading1"/>
        <w:rPr>
          <w:del w:id="12" w:author="Author"/>
          <w:b w:val="0"/>
          <w:bCs/>
        </w:rPr>
      </w:pPr>
      <w:ins w:id="13" w:author="Author">
        <w:r w:rsidRPr="00E4102E">
          <w:rPr>
            <w:b w:val="0"/>
            <w:bCs/>
          </w:rPr>
          <w:t xml:space="preserve"> </w:t>
        </w:r>
      </w:ins>
      <w:r w:rsidRPr="00E4102E">
        <w:rPr>
          <w:b w:val="0"/>
          <w:bCs/>
        </w:rPr>
        <w:t xml:space="preserve">Charge for recovery of EDAM </w:t>
      </w:r>
      <w:del w:id="14" w:author="Author">
        <w:r w:rsidR="00116ADA" w:rsidRPr="00B0684B">
          <w:rPr>
            <w:b w:val="0"/>
            <w:bCs/>
          </w:rPr>
          <w:delText>recoverable revenue</w:delText>
        </w:r>
      </w:del>
      <w:ins w:id="15" w:author="Author">
        <w:r w:rsidRPr="00E4102E">
          <w:rPr>
            <w:b w:val="0"/>
            <w:bCs/>
          </w:rPr>
          <w:t>Recoverable Revenue</w:t>
        </w:r>
      </w:ins>
      <w:r w:rsidRPr="00E4102E">
        <w:rPr>
          <w:b w:val="0"/>
          <w:bCs/>
        </w:rPr>
        <w:t xml:space="preserve"> according to Section 33.26.  The CAISO will</w:t>
      </w:r>
    </w:p>
    <w:p w14:paraId="44312167" w14:textId="77777777" w:rsidR="00332E33" w:rsidRPr="00B0684B" w:rsidRDefault="000438F0" w:rsidP="00332E33">
      <w:pPr>
        <w:pStyle w:val="Heading1"/>
        <w:rPr>
          <w:del w:id="16" w:author="Author"/>
          <w:b w:val="0"/>
          <w:bCs/>
        </w:rPr>
      </w:pPr>
      <w:ins w:id="17" w:author="Author">
        <w:r w:rsidRPr="00E4102E">
          <w:rPr>
            <w:b w:val="0"/>
            <w:bCs/>
          </w:rPr>
          <w:t xml:space="preserve"> </w:t>
        </w:r>
      </w:ins>
      <w:r w:rsidRPr="00E4102E">
        <w:rPr>
          <w:b w:val="0"/>
          <w:bCs/>
        </w:rPr>
        <w:t>charge Market Participants for transmission service on the CAISO Controlled Grid according to</w:t>
      </w:r>
    </w:p>
    <w:p w14:paraId="6852512C" w14:textId="1B8F5DE2" w:rsidR="00332E33" w:rsidRPr="00E4102E" w:rsidRDefault="000438F0" w:rsidP="00332E33">
      <w:pPr>
        <w:pStyle w:val="Heading1"/>
      </w:pPr>
      <w:ins w:id="18" w:author="Author">
        <w:r w:rsidRPr="00E4102E">
          <w:rPr>
            <w:b w:val="0"/>
            <w:bCs/>
          </w:rPr>
          <w:t xml:space="preserve"> </w:t>
        </w:r>
      </w:ins>
      <w:r w:rsidRPr="00E4102E">
        <w:rPr>
          <w:b w:val="0"/>
          <w:bCs/>
        </w:rPr>
        <w:t>Section 26</w:t>
      </w:r>
      <w:r w:rsidRPr="00582078">
        <w:rPr>
          <w:b w:val="0"/>
        </w:rPr>
        <w:t>.</w:t>
      </w:r>
    </w:p>
    <w:p w14:paraId="4A0B2A41" w14:textId="77777777" w:rsidR="00332E33" w:rsidRPr="00E4102E" w:rsidRDefault="00332E33" w:rsidP="00332E33"/>
    <w:p w14:paraId="2960DE66" w14:textId="77777777" w:rsidR="00332E33" w:rsidRPr="00E4102E" w:rsidRDefault="00116ADA" w:rsidP="00332E33">
      <w:pPr>
        <w:jc w:val="center"/>
      </w:pPr>
      <w:r w:rsidRPr="00E4102E">
        <w:t xml:space="preserve">* * * * * </w:t>
      </w:r>
    </w:p>
    <w:p w14:paraId="27DC9C4C" w14:textId="77777777" w:rsidR="00332E33" w:rsidRPr="00E4102E" w:rsidRDefault="00332E33" w:rsidP="00017166">
      <w:pPr>
        <w:pStyle w:val="Heading1"/>
      </w:pPr>
    </w:p>
    <w:p w14:paraId="77EF7FA9" w14:textId="2982B616" w:rsidR="00017166" w:rsidRPr="00E4102E" w:rsidRDefault="00116ADA" w:rsidP="00017166">
      <w:pPr>
        <w:pStyle w:val="Heading1"/>
      </w:pPr>
      <w:r w:rsidRPr="00E4102E">
        <w:t xml:space="preserve">33.26 </w:t>
      </w:r>
      <w:r w:rsidR="00114C78" w:rsidRPr="00E4102E">
        <w:t>Historical</w:t>
      </w:r>
      <w:r w:rsidRPr="00E4102E">
        <w:t xml:space="preserve"> Revenue Recovery And Charges</w:t>
      </w:r>
    </w:p>
    <w:p w14:paraId="3A0164D7" w14:textId="4A635F06" w:rsidR="00017166" w:rsidRPr="00E4102E" w:rsidRDefault="00116ADA" w:rsidP="00017166">
      <w:r w:rsidRPr="00E4102E">
        <w:t xml:space="preserve">Access Charges for Day-Ahead Market transactions serving Load within the CAISO Balancing Authority Area that use the CAISO Controlled Grid are governed by Section 26.  Transmission service charges for Day-Ahead Market transactions serving Load within an EDAM Entity Balancing Authority Area are governed by the applicable EDAM Transmission Service Provider tariff.  Transmission service charges for Day-Ahead Market transactions supported by EDAM Transfers are addressed in this Section 33.26. </w:t>
      </w:r>
      <w:ins w:id="19" w:author="Author">
        <w:r w:rsidR="00801894" w:rsidRPr="00E4102E">
          <w:t xml:space="preserve">The CAISO </w:t>
        </w:r>
        <w:r w:rsidR="00B271F7" w:rsidRPr="00E4102E">
          <w:t>will</w:t>
        </w:r>
        <w:r w:rsidR="00801894" w:rsidRPr="00E4102E">
          <w:t xml:space="preserve"> adopt provisions in Section 26 to implement the EDAM Access Charge that are consistent with the provisions in this Section 33.26. </w:t>
        </w:r>
      </w:ins>
      <w:r w:rsidRPr="00E4102E">
        <w:t xml:space="preserve"> Transmission service charges for Real-Time Market transactions are governed by Section 11, Section 26, or Section 29.26, as applicable.  </w:t>
      </w:r>
    </w:p>
    <w:p w14:paraId="62865C0D" w14:textId="77777777" w:rsidR="00017166" w:rsidRPr="00E4102E" w:rsidRDefault="00116ADA" w:rsidP="00582078">
      <w:pPr>
        <w:ind w:left="720"/>
      </w:pPr>
      <w:r w:rsidRPr="00E4102E">
        <w:rPr>
          <w:b/>
        </w:rPr>
        <w:t>33.26.1</w:t>
      </w:r>
      <w:r w:rsidRPr="00E4102E">
        <w:rPr>
          <w:b/>
        </w:rPr>
        <w:tab/>
        <w:t>EDAM Access Charges</w:t>
      </w:r>
    </w:p>
    <w:p w14:paraId="451287AB" w14:textId="143A79A3" w:rsidR="00E4102E" w:rsidRDefault="00116ADA" w:rsidP="00582078">
      <w:pPr>
        <w:ind w:left="1440"/>
      </w:pPr>
      <w:del w:id="20" w:author="Author">
        <w:r w:rsidRPr="00B0684B">
          <w:delText xml:space="preserve">The EDAM Transmission Service Provider will forecast its EDAM projected recoverable revenue shortfall on an annual basis.  </w:delText>
        </w:r>
      </w:del>
      <w:r w:rsidR="000438F0" w:rsidRPr="00E4102E">
        <w:t xml:space="preserve">The CAISO will determine an EDAM Access Charge for each Balancing Authority Area in the EDAM Area based on the aggregate inputs of each EDAM Transmission Service Provider in that Balancing Authority Area.  The CAISO will assess the EDAM Access Charges, allocate revenues collected, and true-up actual revenue recovery through </w:t>
      </w:r>
      <w:del w:id="21" w:author="Author">
        <w:r w:rsidRPr="00B0684B">
          <w:delText xml:space="preserve">an EDAM Balancing Account. </w:delText>
        </w:r>
      </w:del>
      <w:ins w:id="22" w:author="Author">
        <w:r w:rsidR="000438F0" w:rsidRPr="00E4102E">
          <w:t xml:space="preserve">calculation of the </w:t>
        </w:r>
        <w:r w:rsidR="000438F0" w:rsidRPr="00E4102E">
          <w:lastRenderedPageBreak/>
          <w:t xml:space="preserve">next year’s EDAM Access Charges.  EDAM Entities will provide forecasts for their </w:t>
        </w:r>
        <w:r w:rsidR="000846A3" w:rsidRPr="00E4102E">
          <w:t xml:space="preserve">EDAM </w:t>
        </w:r>
        <w:r w:rsidR="000438F0" w:rsidRPr="00E4102E">
          <w:t>Transmission Service Providers of the aggregate EDAM Recoverable Revenue from the three components described below, to be trued-up based on EDAM Recoverable Revenue each year.</w:t>
        </w:r>
      </w:ins>
      <w:r w:rsidR="000438F0" w:rsidRPr="00E4102E">
        <w:t xml:space="preserve"> </w:t>
      </w:r>
    </w:p>
    <w:p w14:paraId="57DDA850" w14:textId="22591F49" w:rsidR="00017166" w:rsidRPr="00E4102E" w:rsidRDefault="00116ADA" w:rsidP="00017166">
      <w:pPr>
        <w:ind w:left="1440"/>
        <w:rPr>
          <w:b/>
        </w:rPr>
      </w:pPr>
      <w:r w:rsidRPr="00E4102E">
        <w:rPr>
          <w:b/>
        </w:rPr>
        <w:t>33.26.1.1</w:t>
      </w:r>
      <w:r w:rsidRPr="00E4102E">
        <w:rPr>
          <w:b/>
        </w:rPr>
        <w:tab/>
      </w:r>
      <w:ins w:id="23" w:author="Author">
        <w:r w:rsidR="00074ABB" w:rsidRPr="00E4102E">
          <w:rPr>
            <w:b/>
          </w:rPr>
          <w:t xml:space="preserve">EDAM </w:t>
        </w:r>
        <w:r w:rsidR="005613C9" w:rsidRPr="00E4102E">
          <w:rPr>
            <w:b/>
          </w:rPr>
          <w:t xml:space="preserve">Recoverable </w:t>
        </w:r>
      </w:ins>
      <w:r w:rsidRPr="00E4102E">
        <w:rPr>
          <w:b/>
        </w:rPr>
        <w:t xml:space="preserve">Revenue </w:t>
      </w:r>
      <w:del w:id="24" w:author="Author">
        <w:r w:rsidRPr="00B0684B">
          <w:rPr>
            <w:b/>
          </w:rPr>
          <w:delText xml:space="preserve">Shortfall </w:delText>
        </w:r>
      </w:del>
      <w:r w:rsidRPr="00E4102E">
        <w:rPr>
          <w:b/>
        </w:rPr>
        <w:t xml:space="preserve">Allocated to Gross Load </w:t>
      </w:r>
    </w:p>
    <w:p w14:paraId="6D8EEE8F" w14:textId="5A0E33DA" w:rsidR="00017166" w:rsidRPr="00E4102E" w:rsidRDefault="00074ABB" w:rsidP="00017166">
      <w:pPr>
        <w:ind w:left="1440"/>
      </w:pPr>
      <w:r w:rsidRPr="00E4102E">
        <w:t>T</w:t>
      </w:r>
      <w:r w:rsidR="00A9536D" w:rsidRPr="00E4102E">
        <w:t xml:space="preserve">o </w:t>
      </w:r>
      <w:del w:id="25" w:author="Author">
        <w:r w:rsidR="00116ADA" w:rsidRPr="00B0684B">
          <w:delText>allocate an EDAM recoverable revenue shortfall</w:delText>
        </w:r>
      </w:del>
      <w:ins w:id="26" w:author="Author">
        <w:r w:rsidRPr="00E4102E">
          <w:t xml:space="preserve">assess </w:t>
        </w:r>
        <w:r w:rsidR="00A9536D" w:rsidRPr="00E4102E">
          <w:t>the EDAM Access Charge</w:t>
        </w:r>
        <w:r w:rsidR="005512C0" w:rsidRPr="00E4102E">
          <w:t xml:space="preserve"> consistent with Section 33.26.3</w:t>
        </w:r>
      </w:ins>
      <w:r w:rsidR="00116ADA" w:rsidRPr="00E4102E">
        <w:t xml:space="preserve">, the CAISO will derive an </w:t>
      </w:r>
      <w:del w:id="27" w:author="Author">
        <w:r w:rsidR="00116ADA" w:rsidRPr="00B0684B">
          <w:delText xml:space="preserve">annual </w:delText>
        </w:r>
      </w:del>
      <w:r w:rsidR="00116ADA" w:rsidRPr="00E4102E">
        <w:t>rate</w:t>
      </w:r>
      <w:ins w:id="28" w:author="Author">
        <w:r w:rsidRPr="00E4102E">
          <w:t xml:space="preserve"> in $/MWh</w:t>
        </w:r>
      </w:ins>
      <w:r w:rsidR="00116ADA" w:rsidRPr="00E4102E">
        <w:t xml:space="preserve"> specific to each EDAM Entity Balancing Authority Area</w:t>
      </w:r>
      <w:ins w:id="29" w:author="Author">
        <w:r w:rsidR="00033BF4" w:rsidRPr="00E4102E">
          <w:t xml:space="preserve">  </w:t>
        </w:r>
        <w:r w:rsidRPr="00E4102E">
          <w:t>The CAISO will calculate the rate by</w:t>
        </w:r>
      </w:ins>
      <w:r w:rsidR="00116ADA" w:rsidRPr="00E4102E">
        <w:t>:</w:t>
      </w:r>
    </w:p>
    <w:p w14:paraId="1F62DA90" w14:textId="6DE80A02" w:rsidR="00017166" w:rsidRPr="00E4102E" w:rsidRDefault="00116ADA" w:rsidP="00017166">
      <w:pPr>
        <w:ind w:left="2160"/>
      </w:pPr>
      <w:r w:rsidRPr="00E4102E">
        <w:t xml:space="preserve">(1) allocating each EDAM Transmission Service </w:t>
      </w:r>
      <w:del w:id="30" w:author="Author">
        <w:r w:rsidRPr="00B0684B">
          <w:delText>Provider revenue shortfall</w:delText>
        </w:r>
      </w:del>
      <w:ins w:id="31" w:author="Author">
        <w:r w:rsidRPr="00E4102E">
          <w:t>Provider</w:t>
        </w:r>
        <w:r w:rsidR="00074ABB" w:rsidRPr="00E4102E">
          <w:t>’s EDAM</w:t>
        </w:r>
        <w:r w:rsidRPr="00E4102E">
          <w:t xml:space="preserve"> </w:t>
        </w:r>
        <w:r w:rsidR="00074ABB" w:rsidRPr="00E4102E">
          <w:t>Recoverable Revenue</w:t>
        </w:r>
      </w:ins>
      <w:r w:rsidR="00074ABB" w:rsidRPr="00E4102E">
        <w:t xml:space="preserve"> </w:t>
      </w:r>
      <w:r w:rsidRPr="00E4102E">
        <w:t>to the EDAM Balancing Authority Areas associated with the other EDAM Transmission Service Providers, on behalf of such other EDAM Transmission Service Providers, in proportion to</w:t>
      </w:r>
    </w:p>
    <w:p w14:paraId="2E678E78" w14:textId="77777777" w:rsidR="00017166" w:rsidRPr="00E4102E" w:rsidRDefault="00116ADA" w:rsidP="00017166">
      <w:pPr>
        <w:ind w:left="2880"/>
      </w:pPr>
      <w:r w:rsidRPr="00E4102E">
        <w:t xml:space="preserve">(a) the EDAM Transmission Service Provider’s Gross Load divided by </w:t>
      </w:r>
    </w:p>
    <w:p w14:paraId="55D1685C" w14:textId="77777777" w:rsidR="00017166" w:rsidRPr="00E4102E" w:rsidRDefault="00116ADA" w:rsidP="00017166">
      <w:pPr>
        <w:ind w:left="2880"/>
      </w:pPr>
      <w:r w:rsidRPr="00E4102E">
        <w:t xml:space="preserve">(b) the total EDAM Area Gross Load minus Gross Load of the EDAM Transmission Service Provider; </w:t>
      </w:r>
    </w:p>
    <w:p w14:paraId="5D9D784C" w14:textId="79D4EA6E" w:rsidR="00017166" w:rsidRPr="00E4102E" w:rsidRDefault="00116ADA" w:rsidP="00017166">
      <w:pPr>
        <w:ind w:left="2160"/>
      </w:pPr>
      <w:r w:rsidRPr="00E4102E">
        <w:t xml:space="preserve">(2) calculating the total </w:t>
      </w:r>
      <w:del w:id="32" w:author="Author">
        <w:r w:rsidRPr="00B0684B">
          <w:delText xml:space="preserve">revenue shortfall </w:delText>
        </w:r>
      </w:del>
      <w:ins w:id="33" w:author="Author">
        <w:r w:rsidR="00074ABB" w:rsidRPr="00E4102E">
          <w:t xml:space="preserve">EDAM Recoverable Revenue </w:t>
        </w:r>
      </w:ins>
      <w:r w:rsidRPr="00E4102E">
        <w:t xml:space="preserve">allocation; and </w:t>
      </w:r>
    </w:p>
    <w:p w14:paraId="7D1CE481" w14:textId="783279F7" w:rsidR="00017166" w:rsidRPr="00E4102E" w:rsidRDefault="00116ADA" w:rsidP="00017166">
      <w:pPr>
        <w:ind w:left="2160"/>
      </w:pPr>
      <w:r w:rsidRPr="00E4102E">
        <w:t xml:space="preserve">(3) dividing the total </w:t>
      </w:r>
      <w:del w:id="34" w:author="Author">
        <w:r w:rsidRPr="00B0684B">
          <w:delText xml:space="preserve">revenue shortfall </w:delText>
        </w:r>
      </w:del>
      <w:ins w:id="35" w:author="Author">
        <w:r w:rsidR="00074ABB" w:rsidRPr="00E4102E">
          <w:t xml:space="preserve">EDAM Recoverable Revenue </w:t>
        </w:r>
      </w:ins>
      <w:r w:rsidRPr="00E4102E">
        <w:t>by the EDAM Transmission Service Provider’s Gross Load.</w:t>
      </w:r>
    </w:p>
    <w:p w14:paraId="58773474" w14:textId="738CAEE7" w:rsidR="00017166" w:rsidRPr="00E4102E" w:rsidRDefault="00116ADA" w:rsidP="00441C24">
      <w:pPr>
        <w:keepNext/>
        <w:keepLines/>
        <w:widowControl/>
        <w:ind w:left="1440"/>
        <w:rPr>
          <w:ins w:id="36" w:author="Author"/>
          <w:b/>
        </w:rPr>
      </w:pPr>
      <w:r w:rsidRPr="00E4102E">
        <w:rPr>
          <w:b/>
        </w:rPr>
        <w:t>33.26.1.2</w:t>
      </w:r>
      <w:r w:rsidRPr="00E4102E">
        <w:rPr>
          <w:b/>
        </w:rPr>
        <w:tab/>
        <w:t xml:space="preserve">Truing Up </w:t>
      </w:r>
      <w:ins w:id="37" w:author="Author">
        <w:r w:rsidR="0078317F" w:rsidRPr="00E4102E">
          <w:rPr>
            <w:b/>
          </w:rPr>
          <w:t xml:space="preserve">to Actual EDAM Recoverable Revenue </w:t>
        </w:r>
      </w:ins>
    </w:p>
    <w:p w14:paraId="1AC18F5E" w14:textId="437DEA3F" w:rsidR="00E4102E" w:rsidRPr="00582078" w:rsidRDefault="0078317F" w:rsidP="00582078">
      <w:pPr>
        <w:ind w:left="1440"/>
      </w:pPr>
      <w:ins w:id="38" w:author="Author">
        <w:r w:rsidRPr="00E4102E">
          <w:t xml:space="preserve">At </w:t>
        </w:r>
      </w:ins>
      <w:r w:rsidRPr="00582078">
        <w:t xml:space="preserve">the </w:t>
      </w:r>
      <w:del w:id="39" w:author="Author">
        <w:r w:rsidR="00116ADA" w:rsidRPr="00B0684B">
          <w:rPr>
            <w:b/>
          </w:rPr>
          <w:delText>Forecasted Revenue Shortfall</w:delText>
        </w:r>
      </w:del>
      <w:ins w:id="40" w:author="Author">
        <w:r w:rsidRPr="00E4102E">
          <w:t xml:space="preserve">conclusion of each calendar year, each EDAM Transmission Service Provider with EDAM Recoverable Revenue </w:t>
        </w:r>
        <w:r w:rsidR="00B271F7" w:rsidRPr="00E4102E">
          <w:t>will</w:t>
        </w:r>
        <w:r w:rsidRPr="00E4102E">
          <w:t xml:space="preserve"> </w:t>
        </w:r>
        <w:r w:rsidR="00174AD0" w:rsidRPr="00E4102E">
          <w:t>provide</w:t>
        </w:r>
        <w:r w:rsidRPr="00E4102E">
          <w:t xml:space="preserve"> the CAISO calculations of actual </w:t>
        </w:r>
        <w:r w:rsidR="004B5ABC" w:rsidRPr="00E4102E">
          <w:t xml:space="preserve">forgone </w:t>
        </w:r>
        <w:r w:rsidR="00455E6F" w:rsidRPr="00E4102E">
          <w:t xml:space="preserve">and collected </w:t>
        </w:r>
        <w:r w:rsidR="004B5ABC" w:rsidRPr="00E4102E">
          <w:t>revenue for</w:t>
        </w:r>
        <w:r w:rsidR="00455E6F" w:rsidRPr="00E4102E">
          <w:t xml:space="preserve"> each EDAM Access Charge component</w:t>
        </w:r>
        <w:r w:rsidR="004B5ABC" w:rsidRPr="00E4102E">
          <w:t xml:space="preserve">, </w:t>
        </w:r>
        <w:r w:rsidR="00455E6F" w:rsidRPr="00E4102E">
          <w:t>and</w:t>
        </w:r>
        <w:r w:rsidR="0076675C" w:rsidRPr="00E4102E">
          <w:t xml:space="preserve"> the supporting documentation required by Section 33.26.4</w:t>
        </w:r>
        <w:r w:rsidR="004B5ABC" w:rsidRPr="00E4102E">
          <w:t xml:space="preserve">.  </w:t>
        </w:r>
        <w:r w:rsidR="00455E6F" w:rsidRPr="00E4102E">
          <w:t xml:space="preserve">The EDAM Transmission Service Provider’s EDAM Recoverable Revenue true-up amount for the following year will be the difference between </w:t>
        </w:r>
        <w:r w:rsidR="00174AD0" w:rsidRPr="00E4102E">
          <w:t xml:space="preserve">(a) </w:t>
        </w:r>
        <w:r w:rsidR="00455E6F" w:rsidRPr="00E4102E">
          <w:t>the actual sales</w:t>
        </w:r>
        <w:r w:rsidR="00174AD0" w:rsidRPr="00E4102E">
          <w:t xml:space="preserve"> </w:t>
        </w:r>
        <w:r w:rsidR="00455E6F" w:rsidRPr="00E4102E">
          <w:t xml:space="preserve">of qualifying products </w:t>
        </w:r>
        <w:r w:rsidR="00174AD0" w:rsidRPr="00E4102E">
          <w:t xml:space="preserve">in components </w:t>
        </w:r>
        <w:r w:rsidR="000846A3" w:rsidRPr="00E4102E">
          <w:t>1</w:t>
        </w:r>
        <w:r w:rsidR="00174AD0" w:rsidRPr="00E4102E">
          <w:t xml:space="preserve"> and </w:t>
        </w:r>
        <w:r w:rsidR="000846A3" w:rsidRPr="00E4102E">
          <w:t>2</w:t>
        </w:r>
        <w:r w:rsidR="00174AD0" w:rsidRPr="00E4102E">
          <w:t>, and (b) the EDAM Transmission Service Provider’s projected sales for that year</w:t>
        </w:r>
        <w:r w:rsidR="000846A3" w:rsidRPr="00E4102E">
          <w:t xml:space="preserve">, as documented by the EDAM Transmission Service Provider consistent with </w:t>
        </w:r>
        <w:r w:rsidR="000846A3" w:rsidRPr="00E4102E">
          <w:lastRenderedPageBreak/>
          <w:t>Section 33.26.4</w:t>
        </w:r>
        <w:r w:rsidR="00455E6F" w:rsidRPr="00E4102E">
          <w:t>.</w:t>
        </w:r>
        <w:r w:rsidR="00174AD0" w:rsidRPr="00E4102E">
          <w:t xml:space="preserve">  </w:t>
        </w:r>
        <w:r w:rsidR="004B5ABC" w:rsidRPr="00E4102E">
          <w:t xml:space="preserve">The CAISO </w:t>
        </w:r>
        <w:r w:rsidR="00B0247B" w:rsidRPr="00E4102E">
          <w:t>will include</w:t>
        </w:r>
        <w:r w:rsidR="00116ADA" w:rsidRPr="00E4102E">
          <w:t xml:space="preserve"> </w:t>
        </w:r>
        <w:r w:rsidR="00174AD0" w:rsidRPr="00E4102E">
          <w:t>the true-up amount</w:t>
        </w:r>
        <w:r w:rsidR="00116ADA" w:rsidRPr="00E4102E">
          <w:t xml:space="preserve">, positive or negative, </w:t>
        </w:r>
        <w:r w:rsidR="00174AD0" w:rsidRPr="00E4102E">
          <w:t>as an adjustment to</w:t>
        </w:r>
        <w:r w:rsidR="004B5ABC" w:rsidRPr="00E4102E">
          <w:t xml:space="preserve"> the following year’s EDAM Access Charge.  </w:t>
        </w:r>
        <w:r w:rsidR="00174AD0" w:rsidRPr="00E4102E">
          <w:t xml:space="preserve">The CAISO also will include a true-up amount, positive or negative, to balance the difference between the CAISO’s projected </w:t>
        </w:r>
        <w:r w:rsidR="00394A28" w:rsidRPr="00E4102E">
          <w:t>EDAM Access Charge collections</w:t>
        </w:r>
        <w:r w:rsidR="00174AD0" w:rsidRPr="00E4102E">
          <w:t xml:space="preserve"> and actual collections</w:t>
        </w:r>
        <w:r w:rsidR="00DF5D9A" w:rsidRPr="00E4102E">
          <w:t xml:space="preserve"> for each EDAM Transmission Service Provider</w:t>
        </w:r>
        <w:r w:rsidR="00394A28" w:rsidRPr="00E4102E">
          <w:t>.</w:t>
        </w:r>
      </w:ins>
      <w:r w:rsidR="00174AD0" w:rsidRPr="00582078">
        <w:t xml:space="preserve"> </w:t>
      </w:r>
    </w:p>
    <w:p w14:paraId="509053EB" w14:textId="77777777" w:rsidR="00017166" w:rsidRPr="00B0684B" w:rsidRDefault="00116ADA" w:rsidP="00017166">
      <w:pPr>
        <w:ind w:left="1440"/>
        <w:rPr>
          <w:del w:id="41" w:author="Author"/>
        </w:rPr>
      </w:pPr>
      <w:del w:id="42" w:author="Author">
        <w:r w:rsidRPr="00B0684B">
          <w:delText>EDAM Entities associated with EDAM Transmission Service Providers and the CAISO will recover, on behalf of each such EDAM Transmission Service Provider, any delta, positive or negative, between the actual revenue shortfall and the amount of revenue it collected toward its EDAM recoverable revenue and include the delta in the following year’s forecasted recoverable revenue.</w:delText>
        </w:r>
      </w:del>
    </w:p>
    <w:p w14:paraId="37361779" w14:textId="4BF040D4" w:rsidR="00017166" w:rsidRPr="00E4102E" w:rsidRDefault="00116ADA" w:rsidP="00017166">
      <w:r w:rsidRPr="00E4102E">
        <w:rPr>
          <w:b/>
        </w:rPr>
        <w:t xml:space="preserve">33.26.2 </w:t>
      </w:r>
      <w:ins w:id="43" w:author="Author">
        <w:r w:rsidR="00033BF4" w:rsidRPr="00E4102E">
          <w:rPr>
            <w:b/>
          </w:rPr>
          <w:t xml:space="preserve">Calculation of EDAM </w:t>
        </w:r>
      </w:ins>
      <w:r w:rsidRPr="00E4102E">
        <w:rPr>
          <w:b/>
        </w:rPr>
        <w:t xml:space="preserve">Recoverable Revenue </w:t>
      </w:r>
      <w:del w:id="44" w:author="Author">
        <w:r w:rsidRPr="00B0684B">
          <w:rPr>
            <w:b/>
          </w:rPr>
          <w:delText>Shortfalls</w:delText>
        </w:r>
      </w:del>
    </w:p>
    <w:p w14:paraId="312F59CB" w14:textId="5AF3D26A" w:rsidR="00017166" w:rsidRPr="00E4102E" w:rsidRDefault="00116ADA" w:rsidP="00017166">
      <w:pPr>
        <w:ind w:left="720"/>
      </w:pPr>
      <w:del w:id="45" w:author="Author">
        <w:r w:rsidRPr="00B0684B">
          <w:delText>Projected EDAM recoverable revenue shortfalls</w:delText>
        </w:r>
      </w:del>
      <w:ins w:id="46" w:author="Author">
        <w:r w:rsidR="004B5ABC" w:rsidRPr="00E4102E">
          <w:t>EDAM Recoverable Revenue</w:t>
        </w:r>
      </w:ins>
      <w:r w:rsidRPr="00E4102E">
        <w:t xml:space="preserve"> will consist of the sum of the following three components.</w:t>
      </w:r>
    </w:p>
    <w:p w14:paraId="00949C9D" w14:textId="77777777" w:rsidR="00017166" w:rsidRPr="00E4102E" w:rsidRDefault="00116ADA" w:rsidP="00017166">
      <w:pPr>
        <w:spacing w:line="240" w:lineRule="auto"/>
        <w:ind w:left="2880" w:hanging="1440"/>
        <w:rPr>
          <w:b/>
        </w:rPr>
      </w:pPr>
      <w:r w:rsidRPr="00E4102E">
        <w:rPr>
          <w:b/>
        </w:rPr>
        <w:t>33.26.2.1</w:t>
      </w:r>
      <w:r w:rsidRPr="00E4102E">
        <w:rPr>
          <w:b/>
        </w:rPr>
        <w:tab/>
        <w:t>Component 1: Short-Term Firm and Non-Firm Point-to-Point Transmission and Wheeling Access Charge Revenues</w:t>
      </w:r>
    </w:p>
    <w:p w14:paraId="6048DAAC" w14:textId="77777777" w:rsidR="00017166" w:rsidRPr="00E4102E" w:rsidRDefault="00017166" w:rsidP="00017166">
      <w:pPr>
        <w:spacing w:line="240" w:lineRule="auto"/>
        <w:ind w:left="2880" w:hanging="1440"/>
        <w:rPr>
          <w:b/>
        </w:rPr>
      </w:pPr>
    </w:p>
    <w:p w14:paraId="65F9D5B2" w14:textId="7210AC37" w:rsidR="00017166" w:rsidRPr="00E4102E" w:rsidRDefault="00116ADA" w:rsidP="00017166">
      <w:pPr>
        <w:ind w:left="1440"/>
      </w:pPr>
      <w:del w:id="47" w:author="Author">
        <w:r w:rsidRPr="00B0684B">
          <w:delText>The first EDAM revenue shortfall</w:delText>
        </w:r>
      </w:del>
      <w:ins w:id="48" w:author="Author">
        <w:r w:rsidR="00D243BE" w:rsidRPr="00E4102E">
          <w:t>Eligible</w:t>
        </w:r>
      </w:ins>
      <w:r w:rsidR="00D243BE" w:rsidRPr="00E4102E">
        <w:t xml:space="preserve"> component </w:t>
      </w:r>
      <w:del w:id="49" w:author="Author">
        <w:r w:rsidRPr="00B0684B">
          <w:delText>is projected</w:delText>
        </w:r>
      </w:del>
      <w:ins w:id="50" w:author="Author">
        <w:r w:rsidR="00D243BE" w:rsidRPr="00E4102E">
          <w:t>1 costs are</w:t>
        </w:r>
      </w:ins>
      <w:r w:rsidRPr="00E4102E">
        <w:t xml:space="preserve"> revenue shortfalls associated with the costs of</w:t>
      </w:r>
      <w:ins w:id="51" w:author="Author">
        <w:r w:rsidRPr="00E4102E">
          <w:t xml:space="preserve"> </w:t>
        </w:r>
        <w:r w:rsidR="007120B5" w:rsidRPr="00E4102E">
          <w:t>forgoing certain</w:t>
        </w:r>
      </w:ins>
      <w:r w:rsidR="007120B5" w:rsidRPr="00E4102E">
        <w:t xml:space="preserve"> </w:t>
      </w:r>
      <w:r w:rsidRPr="00E4102E">
        <w:t xml:space="preserve">historical transmission sales to third parties, excluding costs related to sales to the EDAM Entity marketing function associated with EDAM Transmission Service Providers.  </w:t>
      </w:r>
      <w:del w:id="52" w:author="Author">
        <w:r w:rsidRPr="00B0684B">
          <w:delText>The</w:delText>
        </w:r>
      </w:del>
      <w:ins w:id="53" w:author="Author">
        <w:r w:rsidR="00702DBE" w:rsidRPr="00E4102E">
          <w:t>Only forgone revenues associated with t</w:t>
        </w:r>
        <w:r w:rsidRPr="00E4102E">
          <w:t>he</w:t>
        </w:r>
      </w:ins>
      <w:r w:rsidRPr="00E4102E">
        <w:t xml:space="preserve"> following transmission products are eligible for historical revenue recovery: hourly non-firm point-to-point, daily non-firm point-to-point, weekly non-firm point-to-point, monthly non-firm point-to-point, hourly firm point-to-point, daily firm point-to-point, weekly firm point-to-point, and monthly firm point-to-point transmission service.</w:t>
      </w:r>
      <w:ins w:id="54" w:author="Author">
        <w:r w:rsidR="00AC6511" w:rsidRPr="00E4102E">
          <w:t xml:space="preserve"> </w:t>
        </w:r>
      </w:ins>
    </w:p>
    <w:p w14:paraId="3C87F178" w14:textId="04ABB53E" w:rsidR="00017166" w:rsidRPr="00E4102E" w:rsidRDefault="00116ADA" w:rsidP="00017166">
      <w:pPr>
        <w:ind w:left="2160"/>
      </w:pPr>
      <w:r w:rsidRPr="00E4102E">
        <w:rPr>
          <w:b/>
        </w:rPr>
        <w:t>33.26.2.1.1</w:t>
      </w:r>
      <w:r w:rsidRPr="00E4102E">
        <w:rPr>
          <w:b/>
        </w:rPr>
        <w:tab/>
        <w:t xml:space="preserve">Calculating </w:t>
      </w:r>
      <w:del w:id="55" w:author="Author">
        <w:r w:rsidRPr="00B0684B">
          <w:rPr>
            <w:b/>
          </w:rPr>
          <w:delText>and Updating EDAM Recoverable Revenue</w:delText>
        </w:r>
      </w:del>
      <w:ins w:id="56" w:author="Author">
        <w:r w:rsidR="00702DBE" w:rsidRPr="00E4102E">
          <w:rPr>
            <w:b/>
          </w:rPr>
          <w:t>Component 1</w:t>
        </w:r>
      </w:ins>
      <w:r w:rsidRPr="00E4102E">
        <w:rPr>
          <w:b/>
        </w:rPr>
        <w:t xml:space="preserve"> </w:t>
      </w:r>
    </w:p>
    <w:p w14:paraId="4A54B75B" w14:textId="77777777" w:rsidR="00017166" w:rsidRPr="00B0684B" w:rsidRDefault="00116ADA" w:rsidP="00017166">
      <w:pPr>
        <w:ind w:left="2160"/>
        <w:rPr>
          <w:del w:id="57" w:author="Author"/>
        </w:rPr>
      </w:pPr>
      <w:del w:id="58" w:author="Author">
        <w:r w:rsidRPr="00B0684B">
          <w:delText>EDAM Entities associated with EDAM Transmission Service Providers will calculate, on behalf of each such EDAM Transmission Service Provider</w:delText>
        </w:r>
        <w:r w:rsidR="00074D22" w:rsidRPr="00B0684B">
          <w:delText>,</w:delText>
        </w:r>
        <w:r w:rsidRPr="00B0684B">
          <w:delText xml:space="preserve"> the EDAM recoverable revenue based on the EDAM Transmission Service Provider’s average FERC-approved (or Local Regulatory Authority-approved) </w:delText>
        </w:r>
        <w:r w:rsidRPr="00B0684B">
          <w:lastRenderedPageBreak/>
          <w:delText xml:space="preserve">eligible transmission services for the preceding three years.  </w:delText>
        </w:r>
      </w:del>
    </w:p>
    <w:p w14:paraId="2F0B01DD" w14:textId="77777777" w:rsidR="00017166" w:rsidRPr="00B0684B" w:rsidRDefault="00116ADA" w:rsidP="00017166">
      <w:pPr>
        <w:ind w:left="2160"/>
        <w:rPr>
          <w:del w:id="59" w:author="Author"/>
        </w:rPr>
      </w:pPr>
      <w:del w:id="60" w:author="Author">
        <w:r w:rsidRPr="00B0684B">
          <w:delText>The total costs recoverable through the EDAM consist of the difference between the EDAM recoverable revenue and actual transmission recovered revenue eligible for recovery pursuant to this Section 33.26.</w:delText>
        </w:r>
      </w:del>
    </w:p>
    <w:p w14:paraId="46476056" w14:textId="5579D524" w:rsidR="00017166" w:rsidRPr="00E4102E" w:rsidRDefault="002546FA" w:rsidP="00017166">
      <w:pPr>
        <w:ind w:left="2160"/>
        <w:rPr>
          <w:ins w:id="61" w:author="Author"/>
        </w:rPr>
      </w:pPr>
      <w:ins w:id="62" w:author="Author">
        <w:r w:rsidRPr="00E4102E">
          <w:t>E</w:t>
        </w:r>
        <w:r w:rsidR="00702DBE" w:rsidRPr="00E4102E">
          <w:t xml:space="preserve">ach </w:t>
        </w:r>
        <w:r w:rsidR="00116ADA" w:rsidRPr="00E4102E">
          <w:t>EDAM Transmission Service Provider will</w:t>
        </w:r>
        <w:r w:rsidR="00F35B6D" w:rsidRPr="00E4102E">
          <w:t xml:space="preserve"> calculate the annual</w:t>
        </w:r>
        <w:r w:rsidR="00116ADA" w:rsidRPr="00E4102E">
          <w:t xml:space="preserve"> </w:t>
        </w:r>
        <w:r w:rsidR="00F35B6D" w:rsidRPr="00E4102E">
          <w:t>average of</w:t>
        </w:r>
        <w:r w:rsidRPr="00E4102E">
          <w:t xml:space="preserve"> its</w:t>
        </w:r>
        <w:r w:rsidR="00A159BE" w:rsidRPr="00E4102E">
          <w:t xml:space="preserve"> </w:t>
        </w:r>
        <w:r w:rsidR="00F35B6D" w:rsidRPr="00E4102E">
          <w:t>revenues from</w:t>
        </w:r>
        <w:r w:rsidR="00A159BE" w:rsidRPr="00E4102E">
          <w:t xml:space="preserve"> the qualifying products described in Section 33.26.2.1 for the three years leading up to </w:t>
        </w:r>
        <w:r w:rsidR="00B3129D" w:rsidRPr="00E4102E">
          <w:t>its</w:t>
        </w:r>
        <w:r w:rsidR="00A159BE" w:rsidRPr="00E4102E">
          <w:t xml:space="preserve"> EDAM participation.  That </w:t>
        </w:r>
        <w:r w:rsidR="0038063D" w:rsidRPr="00E4102E">
          <w:t>three-year</w:t>
        </w:r>
        <w:r w:rsidR="00A159BE" w:rsidRPr="00E4102E">
          <w:t xml:space="preserve"> average </w:t>
        </w:r>
        <w:r w:rsidR="00441C24" w:rsidRPr="00E4102E">
          <w:t>will</w:t>
        </w:r>
        <w:r w:rsidR="00A159BE" w:rsidRPr="00E4102E">
          <w:t xml:space="preserve"> be fixed for purposes of calculating the EDAM Access Charge for </w:t>
        </w:r>
        <w:r w:rsidR="005D285C" w:rsidRPr="00E4102E">
          <w:t>the EDAM E</w:t>
        </w:r>
        <w:r w:rsidR="00A159BE" w:rsidRPr="00E4102E">
          <w:t xml:space="preserve">ntity’s EDAM participation.  </w:t>
        </w:r>
        <w:r w:rsidR="00151C9A" w:rsidRPr="00E4102E">
          <w:t xml:space="preserve">For component 1 </w:t>
        </w:r>
        <w:r w:rsidR="005D285C" w:rsidRPr="00E4102E">
          <w:t xml:space="preserve">of </w:t>
        </w:r>
        <w:r w:rsidR="00151C9A" w:rsidRPr="00E4102E">
          <w:t>EDAM Recoverable Revenue, t</w:t>
        </w:r>
        <w:r w:rsidR="00A159BE" w:rsidRPr="00E4102E">
          <w:t xml:space="preserve">he EDAM Transmission </w:t>
        </w:r>
        <w:r w:rsidR="00151C9A" w:rsidRPr="00E4102E">
          <w:t xml:space="preserve">Service </w:t>
        </w:r>
        <w:r w:rsidR="00A159BE" w:rsidRPr="00E4102E">
          <w:t xml:space="preserve">Provider </w:t>
        </w:r>
        <w:r w:rsidR="002C2793" w:rsidRPr="00E4102E">
          <w:t>will</w:t>
        </w:r>
        <w:r w:rsidR="00151C9A" w:rsidRPr="00E4102E">
          <w:t xml:space="preserve"> include </w:t>
        </w:r>
        <w:r w:rsidR="00765A6F" w:rsidRPr="00E4102E">
          <w:t>only</w:t>
        </w:r>
        <w:r w:rsidR="00151C9A" w:rsidRPr="00E4102E">
          <w:t xml:space="preserve"> </w:t>
        </w:r>
        <w:r w:rsidR="00765A6F" w:rsidRPr="00E4102E">
          <w:t>that portion of</w:t>
        </w:r>
        <w:r w:rsidR="00151C9A" w:rsidRPr="00E4102E">
          <w:t xml:space="preserve"> revenues from the three-year average </w:t>
        </w:r>
        <w:r w:rsidR="00765A6F" w:rsidRPr="00E4102E">
          <w:t>the EDAM Transmission Service Provider</w:t>
        </w:r>
        <w:r w:rsidR="008B10B5" w:rsidRPr="00E4102E">
          <w:t xml:space="preserve"> reasonably</w:t>
        </w:r>
        <w:r w:rsidR="00765A6F" w:rsidRPr="00E4102E">
          <w:t xml:space="preserve"> expects to forgo as a result of</w:t>
        </w:r>
        <w:r w:rsidR="00151C9A" w:rsidRPr="00E4102E">
          <w:t xml:space="preserve"> participating in the EDAM.  </w:t>
        </w:r>
        <w:r w:rsidR="00145500" w:rsidRPr="00E4102E">
          <w:t xml:space="preserve">In the </w:t>
        </w:r>
        <w:r w:rsidR="00F35B6D" w:rsidRPr="00E4102E">
          <w:t xml:space="preserve">annual </w:t>
        </w:r>
        <w:r w:rsidR="00145500" w:rsidRPr="00E4102E">
          <w:t xml:space="preserve">true-up, the </w:t>
        </w:r>
        <w:r w:rsidR="00151C9A" w:rsidRPr="00E4102E">
          <w:t xml:space="preserve">EDAM Transmission Service Provider </w:t>
        </w:r>
        <w:r w:rsidR="00B271F7" w:rsidRPr="00E4102E">
          <w:t>will</w:t>
        </w:r>
        <w:r w:rsidR="00145500" w:rsidRPr="00E4102E">
          <w:t xml:space="preserve"> </w:t>
        </w:r>
        <w:r w:rsidR="00905178" w:rsidRPr="00E4102E">
          <w:t>use</w:t>
        </w:r>
        <w:r w:rsidR="00145500" w:rsidRPr="00E4102E">
          <w:t xml:space="preserve"> </w:t>
        </w:r>
        <w:r w:rsidR="00905178" w:rsidRPr="00E4102E">
          <w:t xml:space="preserve">its </w:t>
        </w:r>
        <w:r w:rsidR="00145500" w:rsidRPr="00E4102E">
          <w:t xml:space="preserve">actual </w:t>
        </w:r>
        <w:r w:rsidR="00905178" w:rsidRPr="00E4102E">
          <w:t>shortfall in lieu of the forecasted shortfall</w:t>
        </w:r>
        <w:r w:rsidR="00145500" w:rsidRPr="00E4102E">
          <w:t xml:space="preserve">.  </w:t>
        </w:r>
        <w:r w:rsidR="00905178" w:rsidRPr="00E4102E">
          <w:t xml:space="preserve">The actual shortfall </w:t>
        </w:r>
        <w:r w:rsidR="00B271F7" w:rsidRPr="00E4102E">
          <w:t>will</w:t>
        </w:r>
        <w:r w:rsidR="00145500" w:rsidRPr="00E4102E">
          <w:t xml:space="preserve"> be the difference between</w:t>
        </w:r>
        <w:r w:rsidR="0038063D" w:rsidRPr="00E4102E">
          <w:t xml:space="preserve"> the </w:t>
        </w:r>
        <w:r w:rsidR="005D285C" w:rsidRPr="00E4102E">
          <w:t xml:space="preserve">EDAM </w:t>
        </w:r>
        <w:r w:rsidR="0038063D" w:rsidRPr="00E4102E">
          <w:t xml:space="preserve">Transmission </w:t>
        </w:r>
        <w:r w:rsidR="00151C9A" w:rsidRPr="00E4102E">
          <w:t xml:space="preserve">Service </w:t>
        </w:r>
        <w:r w:rsidR="0038063D" w:rsidRPr="00E4102E">
          <w:t xml:space="preserve">Provider’s actual sales of qualifying products for the applicable calendar year compared to the fixed three-year </w:t>
        </w:r>
        <w:r w:rsidR="00905178" w:rsidRPr="00E4102E">
          <w:t>pre-EDAM average.</w:t>
        </w:r>
      </w:ins>
    </w:p>
    <w:p w14:paraId="43AA3416" w14:textId="77777777" w:rsidR="00017166" w:rsidRPr="00E4102E" w:rsidRDefault="00116ADA" w:rsidP="00017166">
      <w:pPr>
        <w:ind w:left="2160"/>
        <w:rPr>
          <w:b/>
        </w:rPr>
      </w:pPr>
      <w:r w:rsidRPr="00E4102E">
        <w:rPr>
          <w:b/>
        </w:rPr>
        <w:t>33.26.2.1.2</w:t>
      </w:r>
      <w:r w:rsidRPr="00E4102E">
        <w:rPr>
          <w:b/>
        </w:rPr>
        <w:tab/>
        <w:t>EDAM Recoverable Revenue Limits</w:t>
      </w:r>
    </w:p>
    <w:p w14:paraId="5F45DE4E" w14:textId="7659DEEC" w:rsidR="00F06083" w:rsidRPr="00E4102E" w:rsidRDefault="00116ADA" w:rsidP="00F06083">
      <w:pPr>
        <w:ind w:left="2160"/>
      </w:pPr>
      <w:del w:id="63" w:author="Author">
        <w:r w:rsidRPr="00B0684B">
          <w:delText>The</w:delText>
        </w:r>
      </w:del>
      <w:ins w:id="64" w:author="Author">
        <w:r w:rsidR="00F06083" w:rsidRPr="00E4102E">
          <w:t>Component 1</w:t>
        </w:r>
      </w:ins>
      <w:r w:rsidR="00F06083" w:rsidRPr="00E4102E">
        <w:t xml:space="preserve"> EDAM </w:t>
      </w:r>
      <w:del w:id="65" w:author="Author">
        <w:r w:rsidRPr="00B0684B">
          <w:delText>recoverable revenue</w:delText>
        </w:r>
      </w:del>
      <w:ins w:id="66" w:author="Author">
        <w:r w:rsidR="00F06083" w:rsidRPr="00E4102E">
          <w:t>Recoverable Revenue</w:t>
        </w:r>
      </w:ins>
      <w:r w:rsidR="00F06083" w:rsidRPr="00E4102E">
        <w:t xml:space="preserve"> for each EDAM Entity will not exceed the product of (a) </w:t>
      </w:r>
      <w:ins w:id="67" w:author="Author">
        <w:r w:rsidR="00F06083" w:rsidRPr="00E4102E">
          <w:t xml:space="preserve">its projected Component 1 </w:t>
        </w:r>
      </w:ins>
      <w:r w:rsidR="00F06083" w:rsidRPr="00E4102E">
        <w:t xml:space="preserve">EDAM </w:t>
      </w:r>
      <w:del w:id="68" w:author="Author">
        <w:r w:rsidRPr="00B0684B">
          <w:delText>recoverable revenue</w:delText>
        </w:r>
      </w:del>
      <w:ins w:id="69" w:author="Author">
        <w:r w:rsidR="00F06083" w:rsidRPr="00E4102E">
          <w:t>Recoverable Revenue</w:t>
        </w:r>
      </w:ins>
      <w:r w:rsidR="00F06083" w:rsidRPr="00E4102E">
        <w:t xml:space="preserve"> and (b) the </w:t>
      </w:r>
      <w:del w:id="70" w:author="Author">
        <w:r w:rsidRPr="00B0684B">
          <w:delText>ratio of</w:delText>
        </w:r>
      </w:del>
      <w:ins w:id="71" w:author="Author">
        <w:r w:rsidR="00F06083" w:rsidRPr="00E4102E">
          <w:t>percentage resulting from dividing</w:t>
        </w:r>
      </w:ins>
      <w:r w:rsidR="00F06083" w:rsidRPr="00E4102E">
        <w:t xml:space="preserve"> exports from </w:t>
      </w:r>
      <w:del w:id="72" w:author="Author">
        <w:r w:rsidRPr="00B0684B">
          <w:delText>the</w:delText>
        </w:r>
      </w:del>
      <w:ins w:id="73" w:author="Author">
        <w:r w:rsidR="00F06083" w:rsidRPr="00E4102E">
          <w:t>its</w:t>
        </w:r>
      </w:ins>
      <w:r w:rsidR="00F06083" w:rsidRPr="00E4102E">
        <w:t xml:space="preserve"> EDAM </w:t>
      </w:r>
      <w:del w:id="74" w:author="Author">
        <w:r w:rsidRPr="00B0684B">
          <w:delText xml:space="preserve">Entity </w:delText>
        </w:r>
      </w:del>
      <w:ins w:id="75" w:author="Author">
        <w:r w:rsidR="00F06083" w:rsidRPr="00E4102E">
          <w:t xml:space="preserve">Balancing Authority Area </w:t>
        </w:r>
      </w:ins>
      <w:r w:rsidR="00F06083" w:rsidRPr="00E4102E">
        <w:t xml:space="preserve">to the EDAM Area </w:t>
      </w:r>
      <w:del w:id="76" w:author="Author">
        <w:r w:rsidRPr="00B0684B">
          <w:delText>and</w:delText>
        </w:r>
      </w:del>
      <w:ins w:id="77" w:author="Author">
        <w:r w:rsidR="00F06083" w:rsidRPr="00E4102E">
          <w:t>by total</w:t>
        </w:r>
      </w:ins>
      <w:r w:rsidR="00F06083" w:rsidRPr="00E4102E">
        <w:t xml:space="preserve"> exports from the EDAM </w:t>
      </w:r>
      <w:del w:id="78" w:author="Author">
        <w:r w:rsidRPr="00B0684B">
          <w:delText>Entity to locations outside of the EDAM</w:delText>
        </w:r>
      </w:del>
      <w:ins w:id="79" w:author="Author">
        <w:r w:rsidR="00F06083" w:rsidRPr="00E4102E">
          <w:t>Balancing Authority</w:t>
        </w:r>
      </w:ins>
      <w:r w:rsidR="00F06083" w:rsidRPr="00E4102E">
        <w:t xml:space="preserve"> Area.</w:t>
      </w:r>
    </w:p>
    <w:p w14:paraId="6CFEC5FC" w14:textId="10482879" w:rsidR="00017166" w:rsidRPr="00E4102E" w:rsidRDefault="00116ADA" w:rsidP="00017166">
      <w:pPr>
        <w:ind w:left="2610" w:hanging="1170"/>
        <w:rPr>
          <w:b/>
        </w:rPr>
      </w:pPr>
      <w:r w:rsidRPr="00E4102E">
        <w:rPr>
          <w:b/>
        </w:rPr>
        <w:t>33.26.2.2</w:t>
      </w:r>
      <w:r w:rsidRPr="00E4102E">
        <w:rPr>
          <w:b/>
        </w:rPr>
        <w:tab/>
        <w:t xml:space="preserve">Component 2: </w:t>
      </w:r>
      <w:del w:id="80" w:author="Author">
        <w:r w:rsidRPr="00B0684B">
          <w:rPr>
            <w:b/>
          </w:rPr>
          <w:delText xml:space="preserve">Percentage of </w:delText>
        </w:r>
      </w:del>
      <w:r w:rsidRPr="00E4102E">
        <w:rPr>
          <w:b/>
        </w:rPr>
        <w:t xml:space="preserve">New Transmission </w:t>
      </w:r>
      <w:del w:id="81" w:author="Author">
        <w:r w:rsidRPr="00B0684B">
          <w:rPr>
            <w:b/>
          </w:rPr>
          <w:delText>Requirement</w:delText>
        </w:r>
      </w:del>
      <w:ins w:id="82" w:author="Author">
        <w:r w:rsidR="00D243BE" w:rsidRPr="00E4102E">
          <w:rPr>
            <w:b/>
          </w:rPr>
          <w:t xml:space="preserve">Capacity </w:t>
        </w:r>
      </w:ins>
    </w:p>
    <w:p w14:paraId="4A02EA2E" w14:textId="3B456779" w:rsidR="005A18ED" w:rsidRPr="00E4102E" w:rsidRDefault="00116ADA" w:rsidP="00017166">
      <w:pPr>
        <w:ind w:left="1440"/>
        <w:rPr>
          <w:ins w:id="83" w:author="Author"/>
        </w:rPr>
      </w:pPr>
      <w:del w:id="84" w:author="Author">
        <w:r w:rsidRPr="00B0684B">
          <w:delText>The second EDAM recoverable revenue component is new Network Upgrade costs approved by the Local Regulatory Authority or FERC, as applicable.  Eligible new</w:delText>
        </w:r>
      </w:del>
      <w:ins w:id="85" w:author="Author">
        <w:r w:rsidRPr="00E4102E">
          <w:t xml:space="preserve">Eligible </w:t>
        </w:r>
        <w:r w:rsidR="00583F3C" w:rsidRPr="00E4102E">
          <w:t>c</w:t>
        </w:r>
        <w:r w:rsidR="005A18ED" w:rsidRPr="00E4102E">
          <w:t>omponent 2</w:t>
        </w:r>
      </w:ins>
      <w:r w:rsidRPr="00E4102E">
        <w:t xml:space="preserve"> costs include (a) costs resulting from reduced revenues from sales of non-</w:t>
      </w:r>
      <w:r w:rsidRPr="00E4102E">
        <w:lastRenderedPageBreak/>
        <w:t>firm and short-term firm transmission associated with the release of transmission capacity resulting from the expiration of EDAM Legacy Contracts, and (b)</w:t>
      </w:r>
      <w:r w:rsidR="005A18ED" w:rsidRPr="00E4102E">
        <w:t xml:space="preserve"> </w:t>
      </w:r>
      <w:ins w:id="86" w:author="Author">
        <w:r w:rsidR="005A18ED" w:rsidRPr="00E4102E">
          <w:t>the cost associated with forgone transmission sales on</w:t>
        </w:r>
        <w:r w:rsidRPr="00E4102E">
          <w:t xml:space="preserve"> </w:t>
        </w:r>
        <w:r w:rsidR="005512C0" w:rsidRPr="00E4102E">
          <w:t xml:space="preserve">certain </w:t>
        </w:r>
      </w:ins>
      <w:r w:rsidRPr="00E4102E">
        <w:t xml:space="preserve">new </w:t>
      </w:r>
      <w:ins w:id="87" w:author="Author">
        <w:r w:rsidR="00751FAF" w:rsidRPr="00E4102E">
          <w:t>network upgrades</w:t>
        </w:r>
        <w:r w:rsidRPr="00E4102E">
          <w:t xml:space="preserve">.  </w:t>
        </w:r>
      </w:ins>
    </w:p>
    <w:p w14:paraId="5902440E" w14:textId="561F8F97" w:rsidR="005A18ED" w:rsidRPr="00E4102E" w:rsidRDefault="005A18ED" w:rsidP="00AB43FF">
      <w:pPr>
        <w:keepNext/>
        <w:keepLines/>
        <w:widowControl/>
        <w:spacing w:line="240" w:lineRule="auto"/>
        <w:ind w:left="2880" w:hanging="1440"/>
        <w:rPr>
          <w:ins w:id="88" w:author="Author"/>
          <w:b/>
          <w:bCs/>
        </w:rPr>
      </w:pPr>
      <w:ins w:id="89" w:author="Author">
        <w:r w:rsidRPr="00E4102E">
          <w:rPr>
            <w:b/>
            <w:bCs/>
          </w:rPr>
          <w:t>33.26.2.2.1</w:t>
        </w:r>
        <w:r w:rsidRPr="00E4102E">
          <w:rPr>
            <w:b/>
            <w:bCs/>
          </w:rPr>
          <w:tab/>
        </w:r>
        <w:r w:rsidR="00680CCD" w:rsidRPr="00E4102E">
          <w:rPr>
            <w:b/>
            <w:bCs/>
          </w:rPr>
          <w:t>Component 2</w:t>
        </w:r>
        <w:r w:rsidR="0040578C" w:rsidRPr="00E4102E">
          <w:rPr>
            <w:b/>
            <w:bCs/>
          </w:rPr>
          <w:t xml:space="preserve"> Revenue Associated With </w:t>
        </w:r>
        <w:r w:rsidRPr="00E4102E">
          <w:rPr>
            <w:b/>
            <w:bCs/>
          </w:rPr>
          <w:t>New Transmission Capacity From Expired Legacy Contracts</w:t>
        </w:r>
      </w:ins>
    </w:p>
    <w:p w14:paraId="13D476D7" w14:textId="77777777" w:rsidR="00AB43FF" w:rsidRPr="00E4102E" w:rsidRDefault="00AB43FF" w:rsidP="00AB43FF">
      <w:pPr>
        <w:keepNext/>
        <w:keepLines/>
        <w:widowControl/>
        <w:spacing w:line="240" w:lineRule="auto"/>
        <w:ind w:left="2880" w:hanging="1440"/>
        <w:rPr>
          <w:ins w:id="90" w:author="Author"/>
          <w:b/>
          <w:bCs/>
        </w:rPr>
      </w:pPr>
    </w:p>
    <w:p w14:paraId="0AE55B6E" w14:textId="0C765011" w:rsidR="005A18ED" w:rsidRPr="00E4102E" w:rsidRDefault="004B08F5" w:rsidP="00017166">
      <w:pPr>
        <w:ind w:left="1440"/>
        <w:rPr>
          <w:ins w:id="91" w:author="Author"/>
        </w:rPr>
      </w:pPr>
      <w:ins w:id="92" w:author="Author">
        <w:r w:rsidRPr="00E4102E">
          <w:tab/>
          <w:t xml:space="preserve">An EDAM Transmission Service Provider </w:t>
        </w:r>
        <w:r w:rsidR="002B41DB" w:rsidRPr="00E4102E">
          <w:t>may</w:t>
        </w:r>
        <w:r w:rsidRPr="00E4102E">
          <w:t xml:space="preserve"> include in its </w:t>
        </w:r>
        <w:r w:rsidR="002B41DB" w:rsidRPr="00E4102E">
          <w:t xml:space="preserve">component 2 </w:t>
        </w:r>
        <w:r w:rsidRPr="00E4102E">
          <w:t>EDAM Recoverable Revenue</w:t>
        </w:r>
        <w:r w:rsidR="00F021B5" w:rsidRPr="00E4102E">
          <w:t xml:space="preserve"> </w:t>
        </w:r>
        <w:r w:rsidR="002F73D9" w:rsidRPr="00E4102E">
          <w:t xml:space="preserve">those </w:t>
        </w:r>
        <w:r w:rsidR="002B41DB" w:rsidRPr="00E4102E">
          <w:t>revenue shortfalls from sales of non-firm and short-term firm transmission associated with the release of transmission capacity resulting from the expiration of EDAM Legacy Contracts that were not included as EDAM Recoverable Revenue in component 1</w:t>
        </w:r>
        <w:r w:rsidR="00F021B5" w:rsidRPr="00E4102E">
          <w:t xml:space="preserve">.  </w:t>
        </w:r>
        <w:r w:rsidR="00A10A32" w:rsidRPr="00E4102E">
          <w:t>The EDAM Transmission Service Provider may not recover as EDAM Recoverable Revenue more than the product of the most recent annual revenue of the expired EDAM Legacy Contract multiplied by the ratio of (a) the non-firm and short-term firm point-to-point historical EDAM recoverable transmission revenues from the pre-EDAM three-year average in component 1 to (b) the EDAM Entity’s annual average revenue requirement over the same three years.</w:t>
        </w:r>
      </w:ins>
    </w:p>
    <w:p w14:paraId="3BF3AF84" w14:textId="709F6BAA" w:rsidR="005A18ED" w:rsidRPr="00E4102E" w:rsidRDefault="005A18ED" w:rsidP="00AB43FF">
      <w:pPr>
        <w:spacing w:line="240" w:lineRule="auto"/>
        <w:ind w:left="2880" w:hanging="1440"/>
        <w:rPr>
          <w:ins w:id="93" w:author="Author"/>
          <w:b/>
          <w:bCs/>
        </w:rPr>
      </w:pPr>
      <w:ins w:id="94" w:author="Author">
        <w:r w:rsidRPr="00E4102E">
          <w:rPr>
            <w:b/>
            <w:bCs/>
          </w:rPr>
          <w:t>33.26.2.2.2</w:t>
        </w:r>
        <w:r w:rsidRPr="00E4102E">
          <w:rPr>
            <w:b/>
            <w:bCs/>
          </w:rPr>
          <w:tab/>
        </w:r>
        <w:r w:rsidR="00680CCD" w:rsidRPr="00E4102E">
          <w:rPr>
            <w:b/>
            <w:bCs/>
          </w:rPr>
          <w:t>Component 2</w:t>
        </w:r>
        <w:r w:rsidR="0040578C" w:rsidRPr="00E4102E">
          <w:rPr>
            <w:b/>
            <w:bCs/>
          </w:rPr>
          <w:t xml:space="preserve"> Revenue Associated With </w:t>
        </w:r>
        <w:r w:rsidRPr="00E4102E">
          <w:rPr>
            <w:b/>
            <w:bCs/>
          </w:rPr>
          <w:t xml:space="preserve">New </w:t>
        </w:r>
      </w:ins>
      <w:r w:rsidRPr="00582078">
        <w:rPr>
          <w:b/>
        </w:rPr>
        <w:t>Network Upgrades</w:t>
      </w:r>
      <w:del w:id="95" w:author="Author">
        <w:r w:rsidR="00116ADA" w:rsidRPr="00B0684B">
          <w:delText xml:space="preserve"> costs.</w:delText>
        </w:r>
      </w:del>
    </w:p>
    <w:p w14:paraId="26F68BF4" w14:textId="77777777" w:rsidR="00AB43FF" w:rsidRPr="00E4102E" w:rsidRDefault="00AB43FF" w:rsidP="00AB43FF">
      <w:pPr>
        <w:spacing w:line="240" w:lineRule="auto"/>
        <w:ind w:left="2880" w:hanging="1440"/>
        <w:rPr>
          <w:ins w:id="96" w:author="Author"/>
          <w:b/>
          <w:bCs/>
        </w:rPr>
      </w:pPr>
    </w:p>
    <w:p w14:paraId="2B30A08A" w14:textId="1EC5C2E2" w:rsidR="00040303" w:rsidRPr="00E4102E" w:rsidRDefault="002B41DB" w:rsidP="00040303">
      <w:pPr>
        <w:ind w:left="1440"/>
      </w:pPr>
      <w:ins w:id="97" w:author="Author">
        <w:r w:rsidRPr="00E4102E">
          <w:tab/>
          <w:t xml:space="preserve">An EDAM Transmission Service Provider may include in its component 2 EDAM Recoverable Revenue forgone revenue from eligible new </w:t>
        </w:r>
        <w:r w:rsidR="00751FAF" w:rsidRPr="00E4102E">
          <w:t>network upgrades</w:t>
        </w:r>
        <w:r w:rsidR="005A18ED" w:rsidRPr="00E4102E">
          <w:t>.</w:t>
        </w:r>
      </w:ins>
      <w:r w:rsidR="005A18ED" w:rsidRPr="00E4102E">
        <w:t xml:space="preserve">  </w:t>
      </w:r>
      <w:r w:rsidR="00116ADA" w:rsidRPr="00E4102E">
        <w:t xml:space="preserve">Eligible new </w:t>
      </w:r>
      <w:del w:id="98" w:author="Author">
        <w:r w:rsidR="00116ADA" w:rsidRPr="00B0684B">
          <w:delText>Network Upgrade costs</w:delText>
        </w:r>
      </w:del>
      <w:ins w:id="99" w:author="Author">
        <w:r w:rsidR="00751FAF" w:rsidRPr="00E4102E">
          <w:t>network upgrades</w:t>
        </w:r>
      </w:ins>
      <w:r w:rsidR="00751FAF" w:rsidRPr="00E4102E">
        <w:t xml:space="preserve"> </w:t>
      </w:r>
      <w:r w:rsidR="00116ADA" w:rsidRPr="00E4102E">
        <w:t>are</w:t>
      </w:r>
      <w:r w:rsidR="00BF1CE6" w:rsidRPr="00E4102E">
        <w:t xml:space="preserve"> </w:t>
      </w:r>
      <w:del w:id="100" w:author="Author">
        <w:r w:rsidR="00116ADA" w:rsidRPr="00B0684B">
          <w:delText xml:space="preserve">(a) those that </w:delText>
        </w:r>
      </w:del>
      <w:ins w:id="101" w:author="Author">
        <w:r w:rsidR="00BF1CE6" w:rsidRPr="00E4102E">
          <w:t>those that:</w:t>
        </w:r>
        <w:r w:rsidR="00116ADA" w:rsidRPr="00E4102E">
          <w:t xml:space="preserve"> (a) </w:t>
        </w:r>
        <w:r w:rsidR="003F4C6B" w:rsidRPr="00E4102E">
          <w:t xml:space="preserve">are in service; (b) are already included in the EDAM Transmission </w:t>
        </w:r>
        <w:r w:rsidR="00151C9A" w:rsidRPr="00E4102E">
          <w:t xml:space="preserve">Service </w:t>
        </w:r>
        <w:r w:rsidR="003F4C6B" w:rsidRPr="00E4102E">
          <w:t xml:space="preserve">Provider’s transmission rates or have otherwise been </w:t>
        </w:r>
        <w:r w:rsidR="00225D40" w:rsidRPr="00E4102E">
          <w:t xml:space="preserve">approved </w:t>
        </w:r>
        <w:r w:rsidR="00C74655" w:rsidRPr="00E4102E">
          <w:t>for rate recovery</w:t>
        </w:r>
        <w:r w:rsidR="00225D40" w:rsidRPr="00E4102E">
          <w:t xml:space="preserve"> by the Local Regulatory Authority or FERC, as applicable</w:t>
        </w:r>
        <w:r w:rsidR="003F4C6B" w:rsidRPr="00E4102E">
          <w:t>; (c)</w:t>
        </w:r>
        <w:r w:rsidR="00225D40" w:rsidRPr="00E4102E">
          <w:t> </w:t>
        </w:r>
      </w:ins>
      <w:r w:rsidR="00116ADA" w:rsidRPr="00E4102E">
        <w:t>increase transfer capability between EDAM Entity Balancing Authority Areas or between the CAISO Balancing Authority Area and an EDAM Entity Balancing Authority Area</w:t>
      </w:r>
      <w:del w:id="102" w:author="Author">
        <w:r w:rsidR="00116ADA" w:rsidRPr="00B0684B">
          <w:delText xml:space="preserve"> (b)</w:delText>
        </w:r>
      </w:del>
      <w:ins w:id="103" w:author="Author">
        <w:r w:rsidR="00BF1CE6" w:rsidRPr="00E4102E">
          <w:t>; and</w:t>
        </w:r>
        <w:r w:rsidR="00116ADA" w:rsidRPr="00E4102E">
          <w:t xml:space="preserve"> (</w:t>
        </w:r>
        <w:r w:rsidR="003F4C6B" w:rsidRPr="00E4102E">
          <w:t>d</w:t>
        </w:r>
        <w:r w:rsidR="00116ADA" w:rsidRPr="00E4102E">
          <w:t>)</w:t>
        </w:r>
        <w:r w:rsidR="00BF1CE6" w:rsidRPr="00E4102E">
          <w:t xml:space="preserve"> are</w:t>
        </w:r>
      </w:ins>
      <w:r w:rsidR="00116ADA" w:rsidRPr="00E4102E">
        <w:t xml:space="preserve"> energized after the </w:t>
      </w:r>
      <w:ins w:id="104" w:author="Author">
        <w:r w:rsidR="00BF1CE6" w:rsidRPr="00E4102E">
          <w:t xml:space="preserve">applicable </w:t>
        </w:r>
      </w:ins>
      <w:r w:rsidR="00116ADA" w:rsidRPr="00E4102E">
        <w:t xml:space="preserve">EDAM </w:t>
      </w:r>
      <w:del w:id="105" w:author="Author">
        <w:r w:rsidR="00116ADA" w:rsidRPr="00B0684B">
          <w:delText>Entity</w:delText>
        </w:r>
      </w:del>
      <w:ins w:id="106" w:author="Author">
        <w:r w:rsidR="00BF1CE6" w:rsidRPr="00E4102E">
          <w:t>Transmission Service Provider</w:t>
        </w:r>
      </w:ins>
      <w:r w:rsidR="00116ADA" w:rsidRPr="00E4102E">
        <w:t xml:space="preserve"> begins participation in the Day-Ahead Market.  For each new </w:t>
      </w:r>
      <w:del w:id="107" w:author="Author">
        <w:r w:rsidR="00116ADA" w:rsidRPr="00B0684B">
          <w:delText>Network Upgrade eligible for recovery</w:delText>
        </w:r>
      </w:del>
      <w:ins w:id="108" w:author="Author">
        <w:r w:rsidR="00C74655" w:rsidRPr="00E4102E">
          <w:t xml:space="preserve">qualifying </w:t>
        </w:r>
        <w:r w:rsidR="00751FAF" w:rsidRPr="00E4102E">
          <w:t>network upgrade</w:t>
        </w:r>
      </w:ins>
      <w:r w:rsidR="003F4C6B" w:rsidRPr="00E4102E">
        <w:t>, the</w:t>
      </w:r>
      <w:r w:rsidR="00C74655" w:rsidRPr="00E4102E">
        <w:t xml:space="preserve"> EDAM</w:t>
      </w:r>
      <w:r w:rsidR="003F4C6B" w:rsidRPr="00E4102E">
        <w:t xml:space="preserve"> </w:t>
      </w:r>
      <w:del w:id="109" w:author="Author">
        <w:r w:rsidR="00116ADA" w:rsidRPr="00B0684B">
          <w:delText>Entity only may recover through the EDAM the percentage</w:delText>
        </w:r>
      </w:del>
      <w:ins w:id="110" w:author="Author">
        <w:r w:rsidR="003F4C6B" w:rsidRPr="00E4102E">
          <w:t>Transmission</w:t>
        </w:r>
        <w:r w:rsidR="00C74655" w:rsidRPr="00E4102E">
          <w:t xml:space="preserve"> Service</w:t>
        </w:r>
        <w:r w:rsidR="003F4C6B" w:rsidRPr="00E4102E">
          <w:t xml:space="preserve"> Provider </w:t>
        </w:r>
        <w:r w:rsidR="0084560A" w:rsidRPr="00E4102E">
          <w:t>will</w:t>
        </w:r>
        <w:r w:rsidR="003F4C6B" w:rsidRPr="00E4102E">
          <w:t xml:space="preserve"> calculate an estimate</w:t>
        </w:r>
      </w:ins>
      <w:r w:rsidR="003F4C6B" w:rsidRPr="00E4102E">
        <w:t xml:space="preserve"> of </w:t>
      </w:r>
      <w:del w:id="111" w:author="Author">
        <w:r w:rsidR="00116ADA" w:rsidRPr="00B0684B">
          <w:delText xml:space="preserve">its projected </w:delText>
        </w:r>
      </w:del>
      <w:ins w:id="112" w:author="Author">
        <w:r w:rsidR="003F4C6B" w:rsidRPr="00E4102E">
          <w:lastRenderedPageBreak/>
          <w:t xml:space="preserve">forgone </w:t>
        </w:r>
      </w:ins>
      <w:r w:rsidR="003F4C6B" w:rsidRPr="00E4102E">
        <w:t xml:space="preserve">revenue </w:t>
      </w:r>
      <w:del w:id="113" w:author="Author">
        <w:r w:rsidR="00116ADA" w:rsidRPr="00B0684B">
          <w:delText>equal</w:delText>
        </w:r>
      </w:del>
      <w:ins w:id="114" w:author="Author">
        <w:r w:rsidR="00C74655" w:rsidRPr="00E4102E">
          <w:t>applicable</w:t>
        </w:r>
      </w:ins>
      <w:r w:rsidR="00C74655" w:rsidRPr="00E4102E">
        <w:t xml:space="preserve"> to </w:t>
      </w:r>
      <w:ins w:id="115" w:author="Author">
        <w:r w:rsidR="00C74655" w:rsidRPr="00E4102E">
          <w:t xml:space="preserve">that </w:t>
        </w:r>
        <w:r w:rsidR="00751FAF" w:rsidRPr="00E4102E">
          <w:t>network upgrade</w:t>
        </w:r>
        <w:r w:rsidR="003F4C6B" w:rsidRPr="00E4102E">
          <w:t xml:space="preserve">.  Because new </w:t>
        </w:r>
        <w:r w:rsidR="00751FAF" w:rsidRPr="00E4102E">
          <w:t xml:space="preserve">network upgrades </w:t>
        </w:r>
        <w:r w:rsidR="003F4C6B" w:rsidRPr="00E4102E">
          <w:t xml:space="preserve">will not have a three-year </w:t>
        </w:r>
        <w:r w:rsidR="00536037" w:rsidRPr="00E4102E">
          <w:t>historical baseline</w:t>
        </w:r>
        <w:r w:rsidR="003F4C6B" w:rsidRPr="00E4102E">
          <w:t xml:space="preserve">, the EDAM Transmission </w:t>
        </w:r>
        <w:r w:rsidR="00151C9A" w:rsidRPr="00E4102E">
          <w:t xml:space="preserve">Service </w:t>
        </w:r>
        <w:r w:rsidR="003F4C6B" w:rsidRPr="00E4102E">
          <w:t xml:space="preserve">Provider </w:t>
        </w:r>
        <w:r w:rsidR="00B271F7" w:rsidRPr="00E4102E">
          <w:t>will</w:t>
        </w:r>
        <w:r w:rsidR="003F4C6B" w:rsidRPr="00E4102E">
          <w:t xml:space="preserve"> calculate a proxy </w:t>
        </w:r>
        <w:r w:rsidR="00536037" w:rsidRPr="00E4102E">
          <w:t>baseline</w:t>
        </w:r>
        <w:r w:rsidR="00040303" w:rsidRPr="00E4102E">
          <w:t xml:space="preserve">.  To do so, </w:t>
        </w:r>
      </w:ins>
      <w:r w:rsidR="00040303" w:rsidRPr="00E4102E">
        <w:t xml:space="preserve">the EDAM </w:t>
      </w:r>
      <w:del w:id="116" w:author="Author">
        <w:r w:rsidR="00116ADA" w:rsidRPr="00B0684B">
          <w:delText>Entity’s</w:delText>
        </w:r>
      </w:del>
      <w:ins w:id="117" w:author="Author">
        <w:r w:rsidR="00040303" w:rsidRPr="00E4102E">
          <w:t>Transmission Service Provider will calculate the</w:t>
        </w:r>
      </w:ins>
      <w:r w:rsidR="00040303" w:rsidRPr="00E4102E">
        <w:t xml:space="preserve"> ratio of (a) the non-firm and short-term firm point-to-point historical </w:t>
      </w:r>
      <w:del w:id="118" w:author="Author">
        <w:r w:rsidR="00116ADA" w:rsidRPr="00B0684B">
          <w:delText xml:space="preserve">EDAM recoverable </w:delText>
        </w:r>
      </w:del>
      <w:r w:rsidR="00040303" w:rsidRPr="00E4102E">
        <w:t xml:space="preserve">transmission revenues </w:t>
      </w:r>
      <w:ins w:id="119" w:author="Author">
        <w:r w:rsidR="00040303" w:rsidRPr="00E4102E">
          <w:t xml:space="preserve">from the pre-EDAM three-year average </w:t>
        </w:r>
      </w:ins>
      <w:r w:rsidR="00040303" w:rsidRPr="00E4102E">
        <w:t xml:space="preserve">in </w:t>
      </w:r>
      <w:del w:id="120" w:author="Author">
        <w:r w:rsidR="00116ADA" w:rsidRPr="00B0684B">
          <w:delText>Component</w:delText>
        </w:r>
      </w:del>
      <w:ins w:id="121" w:author="Author">
        <w:r w:rsidR="00040303" w:rsidRPr="00E4102E">
          <w:t>component</w:t>
        </w:r>
      </w:ins>
      <w:r w:rsidR="00040303" w:rsidRPr="00E4102E">
        <w:t xml:space="preserve"> 1 to (b) the EDAM Entity’s </w:t>
      </w:r>
      <w:del w:id="122" w:author="Author">
        <w:r w:rsidR="00116ADA" w:rsidRPr="00B0684B">
          <w:delText>total</w:delText>
        </w:r>
      </w:del>
      <w:ins w:id="123" w:author="Author">
        <w:r w:rsidR="00040303" w:rsidRPr="00E4102E">
          <w:t>annual average</w:t>
        </w:r>
      </w:ins>
      <w:r w:rsidR="00040303" w:rsidRPr="00E4102E">
        <w:t xml:space="preserve"> revenue requirement</w:t>
      </w:r>
      <w:del w:id="124" w:author="Author">
        <w:r w:rsidR="00116ADA" w:rsidRPr="00B0684B">
          <w:delText>.</w:delText>
        </w:r>
      </w:del>
      <w:ins w:id="125" w:author="Author">
        <w:r w:rsidR="00040303" w:rsidRPr="00E4102E">
          <w:t xml:space="preserve"> over the same three years.  The EDAM Transmission Service Provider’s proxy baseline for the new </w:t>
        </w:r>
        <w:r w:rsidR="00751FAF" w:rsidRPr="00E4102E">
          <w:t xml:space="preserve">network upgrade </w:t>
        </w:r>
        <w:r w:rsidR="00040303" w:rsidRPr="00E4102E">
          <w:t xml:space="preserve">will be the product of this ratio and the transmission revenue requirement for the new network upgrade.  The EDAM Transmission Service Provider will then include as its component 2 EDAM Recoverable Revenue those revenues it expects to forgo from the new </w:t>
        </w:r>
        <w:r w:rsidR="00751FAF" w:rsidRPr="00E4102E">
          <w:t xml:space="preserve">network upgrade </w:t>
        </w:r>
        <w:r w:rsidR="00040303" w:rsidRPr="00E4102E">
          <w:t xml:space="preserve">as a result of participating in </w:t>
        </w:r>
        <w:r w:rsidR="005D285C" w:rsidRPr="00E4102E">
          <w:t xml:space="preserve">the </w:t>
        </w:r>
        <w:r w:rsidR="00040303" w:rsidRPr="00E4102E">
          <w:t xml:space="preserve">EDAM, not to exceed the proxy baseline.  After the first year the new </w:t>
        </w:r>
        <w:r w:rsidR="00751FAF" w:rsidRPr="00E4102E">
          <w:t>network upgrade is included in the EDAM Access Charge, the EDAM Transmission Service Provider will true</w:t>
        </w:r>
        <w:r w:rsidR="005D285C" w:rsidRPr="00E4102E">
          <w:t>-</w:t>
        </w:r>
        <w:r w:rsidR="00751FAF" w:rsidRPr="00E4102E">
          <w:t>up actual forgone revenues to projected forgone revenues in the following year’s component 2 EDAM Recoverable Revenue based on the proxy baseline.</w:t>
        </w:r>
        <w:r w:rsidR="00040303" w:rsidRPr="00E4102E">
          <w:t xml:space="preserve"> </w:t>
        </w:r>
      </w:ins>
      <w:r w:rsidR="00040303" w:rsidRPr="00E4102E">
        <w:t xml:space="preserve">  </w:t>
      </w:r>
    </w:p>
    <w:p w14:paraId="2A2EB0B5" w14:textId="55E391DF" w:rsidR="00017166" w:rsidRPr="00E4102E" w:rsidRDefault="00116ADA" w:rsidP="00582078">
      <w:pPr>
        <w:ind w:left="1440" w:firstLine="720"/>
      </w:pPr>
      <w:r w:rsidRPr="00E4102E">
        <w:t xml:space="preserve">The CAISO will include examples of </w:t>
      </w:r>
      <w:del w:id="126" w:author="Author">
        <w:r w:rsidRPr="00B0684B">
          <w:delText>Network Upgrades</w:delText>
        </w:r>
      </w:del>
      <w:ins w:id="127" w:author="Author">
        <w:r w:rsidR="00751FAF" w:rsidRPr="00E4102E">
          <w:t>network upgrades</w:t>
        </w:r>
      </w:ins>
      <w:r w:rsidR="00751FAF" w:rsidRPr="00E4102E">
        <w:t xml:space="preserve"> </w:t>
      </w:r>
      <w:r w:rsidRPr="00E4102E">
        <w:t xml:space="preserve">that increase transfer capability </w:t>
      </w:r>
      <w:ins w:id="128" w:author="Author">
        <w:r w:rsidR="005D285C" w:rsidRPr="00E4102E">
          <w:t xml:space="preserve">for purposes of this Section </w:t>
        </w:r>
      </w:ins>
      <w:r w:rsidRPr="00E4102E">
        <w:t xml:space="preserve">and examples that do not </w:t>
      </w:r>
      <w:ins w:id="129" w:author="Author">
        <w:r w:rsidR="005D285C" w:rsidRPr="00E4102E">
          <w:t xml:space="preserve">do so </w:t>
        </w:r>
      </w:ins>
      <w:r w:rsidRPr="00E4102E">
        <w:t xml:space="preserve">in the </w:t>
      </w:r>
      <w:del w:id="130" w:author="Author">
        <w:r w:rsidRPr="00B0684B">
          <w:delText xml:space="preserve">EDAM </w:delText>
        </w:r>
      </w:del>
      <w:r w:rsidRPr="00E4102E">
        <w:t>Business Practice Manual</w:t>
      </w:r>
      <w:del w:id="131" w:author="Author">
        <w:r w:rsidRPr="00B0684B">
          <w:delText>.  Network Upgrades</w:delText>
        </w:r>
      </w:del>
      <w:ins w:id="132" w:author="Author">
        <w:r w:rsidR="00557B38" w:rsidRPr="00E4102E">
          <w:t xml:space="preserve"> for the Extended Day-Ahead Market</w:t>
        </w:r>
        <w:r w:rsidRPr="00E4102E">
          <w:t xml:space="preserve">. </w:t>
        </w:r>
        <w:r w:rsidR="00C74655" w:rsidRPr="00E4102E">
          <w:t xml:space="preserve"> For purposes of this section, </w:t>
        </w:r>
        <w:r w:rsidR="00751FAF" w:rsidRPr="00E4102E">
          <w:t xml:space="preserve">network upgrades </w:t>
        </w:r>
        <w:r w:rsidR="00B271F7" w:rsidRPr="00E4102E">
          <w:t>will</w:t>
        </w:r>
        <w:r w:rsidR="00C74655" w:rsidRPr="00E4102E">
          <w:t xml:space="preserve"> be deemed to</w:t>
        </w:r>
      </w:ins>
      <w:r w:rsidR="00C74655" w:rsidRPr="00E4102E">
        <w:t xml:space="preserve"> </w:t>
      </w:r>
      <w:r w:rsidRPr="00E4102E">
        <w:t>increase transfer capability where they:</w:t>
      </w:r>
    </w:p>
    <w:p w14:paraId="5C3DE16D" w14:textId="77777777" w:rsidR="00017166" w:rsidRPr="00E4102E" w:rsidRDefault="00116ADA" w:rsidP="00582078">
      <w:pPr>
        <w:ind w:left="2880" w:hanging="720"/>
      </w:pPr>
      <w:r w:rsidRPr="00E4102E">
        <w:t>(a)</w:t>
      </w:r>
      <w:r w:rsidRPr="00E4102E">
        <w:tab/>
        <w:t>increase total transfer capability;</w:t>
      </w:r>
    </w:p>
    <w:p w14:paraId="4CFDEBFD" w14:textId="7DDE6674" w:rsidR="00017166" w:rsidRPr="00E4102E" w:rsidRDefault="00116ADA" w:rsidP="00582078">
      <w:pPr>
        <w:ind w:left="2880" w:hanging="720"/>
      </w:pPr>
      <w:r w:rsidRPr="00E4102E">
        <w:t>(b)</w:t>
      </w:r>
      <w:r w:rsidRPr="00E4102E">
        <w:tab/>
        <w:t>create new interfaces;</w:t>
      </w:r>
    </w:p>
    <w:p w14:paraId="44531723" w14:textId="77777777" w:rsidR="00017166" w:rsidRPr="00E4102E" w:rsidRDefault="00116ADA" w:rsidP="00582078">
      <w:pPr>
        <w:ind w:left="2880" w:hanging="720"/>
      </w:pPr>
      <w:r w:rsidRPr="00E4102E">
        <w:t>(c)</w:t>
      </w:r>
      <w:r w:rsidRPr="00E4102E">
        <w:tab/>
        <w:t>increase the simultaneous import limits at existing interfaces;</w:t>
      </w:r>
    </w:p>
    <w:p w14:paraId="42AB6578" w14:textId="77777777" w:rsidR="00017166" w:rsidRPr="00E4102E" w:rsidRDefault="00116ADA" w:rsidP="00582078">
      <w:pPr>
        <w:ind w:left="2880" w:hanging="720"/>
      </w:pPr>
      <w:r w:rsidRPr="00E4102E">
        <w:t xml:space="preserve">(d) </w:t>
      </w:r>
      <w:r w:rsidRPr="00E4102E">
        <w:tab/>
        <w:t>result from an Interregional Transmission Project to increase transfer capability; or</w:t>
      </w:r>
    </w:p>
    <w:p w14:paraId="44607892" w14:textId="177AC6AA" w:rsidR="00017166" w:rsidRPr="00E4102E" w:rsidRDefault="00116ADA" w:rsidP="00582078">
      <w:pPr>
        <w:ind w:left="2880" w:hanging="720"/>
      </w:pPr>
      <w:r w:rsidRPr="00E4102E">
        <w:t xml:space="preserve">(e) </w:t>
      </w:r>
      <w:r w:rsidRPr="00E4102E">
        <w:tab/>
        <w:t>were identified through the WECC path rating process as increasing total transfer capability or creating new transmission interfaces</w:t>
      </w:r>
      <w:ins w:id="133" w:author="Author">
        <w:r w:rsidR="003F3A73" w:rsidRPr="00E4102E">
          <w:t>;</w:t>
        </w:r>
      </w:ins>
    </w:p>
    <w:p w14:paraId="43FE59EC" w14:textId="77777777" w:rsidR="00017166" w:rsidRPr="00E4102E" w:rsidRDefault="00116ADA" w:rsidP="00017166">
      <w:pPr>
        <w:ind w:left="1440"/>
      </w:pPr>
      <w:r w:rsidRPr="00E4102E">
        <w:lastRenderedPageBreak/>
        <w:t>between EDAM Entity Balancing Authority Areas or between the CAISO Balancing Authority Area and an EDAM Entity Balancing Authority Area.</w:t>
      </w:r>
    </w:p>
    <w:p w14:paraId="0FCC8742" w14:textId="78CF2004" w:rsidR="00017166" w:rsidRPr="00E4102E" w:rsidRDefault="00116ADA" w:rsidP="00582078">
      <w:pPr>
        <w:widowControl/>
        <w:spacing w:line="240" w:lineRule="auto"/>
        <w:ind w:left="2880" w:hanging="1440"/>
        <w:rPr>
          <w:b/>
        </w:rPr>
      </w:pPr>
      <w:r w:rsidRPr="00E4102E">
        <w:rPr>
          <w:b/>
        </w:rPr>
        <w:t>33.26.2.3</w:t>
      </w:r>
      <w:r w:rsidRPr="00E4102E">
        <w:rPr>
          <w:b/>
        </w:rPr>
        <w:tab/>
        <w:t>Component 3: Recovery of Transmission Costs Associated With EDAM Wheeling Through Volumes Net of Imports/Exports</w:t>
      </w:r>
    </w:p>
    <w:p w14:paraId="12A0F1F7" w14:textId="77777777" w:rsidR="00582078" w:rsidRDefault="00582078" w:rsidP="00017166">
      <w:pPr>
        <w:widowControl/>
        <w:ind w:left="1440"/>
      </w:pPr>
      <w:bookmarkStart w:id="134" w:name="_Hlk162441677"/>
    </w:p>
    <w:p w14:paraId="346D9E42" w14:textId="5194F333" w:rsidR="00017166" w:rsidRPr="00E4102E" w:rsidRDefault="00582078" w:rsidP="00017166">
      <w:pPr>
        <w:widowControl/>
        <w:ind w:left="1440"/>
      </w:pPr>
      <w:del w:id="135" w:author="Unknown">
        <w:r w:rsidRPr="00582078">
          <w:delText>The third EDAM recoverable</w:delText>
        </w:r>
      </w:del>
      <w:r>
        <w:t xml:space="preserve"> </w:t>
      </w:r>
      <w:ins w:id="136" w:author="Author">
        <w:r w:rsidR="00D243BE" w:rsidRPr="00E4102E">
          <w:t>Eligible</w:t>
        </w:r>
      </w:ins>
      <w:r w:rsidR="00D243BE" w:rsidRPr="00E4102E">
        <w:t xml:space="preserve"> component </w:t>
      </w:r>
      <w:del w:id="137" w:author="Author">
        <w:r w:rsidR="00116ADA" w:rsidRPr="00B0684B">
          <w:delText>eligible for recovery is</w:delText>
        </w:r>
      </w:del>
      <w:ins w:id="138" w:author="Author">
        <w:r w:rsidR="00D243BE" w:rsidRPr="00E4102E">
          <w:t>3 costs are</w:t>
        </w:r>
      </w:ins>
      <w:r w:rsidR="00D243BE" w:rsidRPr="00E4102E">
        <w:t xml:space="preserve"> </w:t>
      </w:r>
      <w:r w:rsidR="00116ADA" w:rsidRPr="00E4102E">
        <w:t>projected revenue shortfalls associated with wheeling</w:t>
      </w:r>
      <w:del w:id="139" w:author="Author">
        <w:r w:rsidR="00116ADA" w:rsidRPr="00B0684B">
          <w:delText xml:space="preserve"> </w:delText>
        </w:r>
      </w:del>
      <w:ins w:id="140" w:author="Author">
        <w:r w:rsidR="005D285C" w:rsidRPr="00E4102E">
          <w:t>-</w:t>
        </w:r>
      </w:ins>
      <w:r w:rsidR="00116ADA" w:rsidRPr="00E4102E">
        <w:t>through an EDAM Entity Balancing Authority Area or the CAISO Balancing Authority Area</w:t>
      </w:r>
      <w:ins w:id="141" w:author="Author">
        <w:r w:rsidR="00245241" w:rsidRPr="00E4102E">
          <w:t xml:space="preserve">.  </w:t>
        </w:r>
        <w:r w:rsidR="00116ADA" w:rsidRPr="00E4102E">
          <w:t xml:space="preserve"> </w:t>
        </w:r>
        <w:r w:rsidR="00245241" w:rsidRPr="00E4102E">
          <w:t>An EDAM Transmission Service Provider</w:t>
        </w:r>
        <w:r w:rsidR="00B271F7" w:rsidRPr="00E4102E">
          <w:t>’s</w:t>
        </w:r>
        <w:r w:rsidR="00245241" w:rsidRPr="00E4102E">
          <w:t xml:space="preserve"> </w:t>
        </w:r>
        <w:r w:rsidR="00B271F7" w:rsidRPr="00E4102E">
          <w:t>EDAM Recoverable Revenue will</w:t>
        </w:r>
        <w:r w:rsidR="00245241" w:rsidRPr="00E4102E">
          <w:t xml:space="preserve"> include </w:t>
        </w:r>
        <w:r w:rsidR="001516B2" w:rsidRPr="00E4102E">
          <w:t xml:space="preserve">those </w:t>
        </w:r>
        <w:r w:rsidR="00D65603" w:rsidRPr="00E4102E">
          <w:t>revenue</w:t>
        </w:r>
        <w:r w:rsidR="001516B2" w:rsidRPr="00E4102E">
          <w:t>s</w:t>
        </w:r>
      </w:ins>
      <w:r w:rsidR="00D65603" w:rsidRPr="00E4102E">
        <w:t xml:space="preserve"> associated with </w:t>
      </w:r>
      <w:del w:id="142" w:author="Author">
        <w:r w:rsidR="00116ADA" w:rsidRPr="00B0684B">
          <w:delText xml:space="preserve">an EDAM Transmission Service Provider </w:delText>
        </w:r>
        <w:r w:rsidR="00D03F76" w:rsidRPr="00B0684B">
          <w:delText>or CAISO Participating TO</w:delText>
        </w:r>
      </w:del>
      <w:ins w:id="143" w:author="Author">
        <w:r w:rsidR="00D65603" w:rsidRPr="00E4102E">
          <w:t>its total volume of wheel</w:t>
        </w:r>
        <w:r w:rsidR="005D285C" w:rsidRPr="00E4102E">
          <w:t>ing</w:t>
        </w:r>
        <w:r w:rsidR="00D65603" w:rsidRPr="00E4102E">
          <w:t>-through transactions</w:t>
        </w:r>
      </w:ins>
      <w:r w:rsidR="00245241" w:rsidRPr="00E4102E">
        <w:t xml:space="preserve"> </w:t>
      </w:r>
      <w:r w:rsidR="00116ADA" w:rsidRPr="00E4102E">
        <w:t>in excess of the total net transfers</w:t>
      </w:r>
      <w:r w:rsidR="00D65603" w:rsidRPr="00E4102E">
        <w:t xml:space="preserve"> </w:t>
      </w:r>
      <w:ins w:id="144" w:author="Author">
        <w:r w:rsidR="00D65603" w:rsidRPr="00E4102E">
          <w:t>(imports and exports)</w:t>
        </w:r>
        <w:r w:rsidR="00116ADA" w:rsidRPr="00E4102E">
          <w:t xml:space="preserve"> </w:t>
        </w:r>
      </w:ins>
      <w:r w:rsidR="00116ADA" w:rsidRPr="00E4102E">
        <w:t>of the</w:t>
      </w:r>
      <w:r w:rsidR="00D65603" w:rsidRPr="00E4102E">
        <w:t xml:space="preserve"> </w:t>
      </w:r>
      <w:ins w:id="145" w:author="Author">
        <w:r w:rsidR="00D65603" w:rsidRPr="00E4102E">
          <w:t>applicable</w:t>
        </w:r>
        <w:r w:rsidR="00116ADA" w:rsidRPr="00E4102E">
          <w:t xml:space="preserve"> </w:t>
        </w:r>
      </w:ins>
      <w:r w:rsidR="00116ADA" w:rsidRPr="00E4102E">
        <w:t>EDAM Entity Balancing Authority Area</w:t>
      </w:r>
      <w:r w:rsidR="00D03F76" w:rsidRPr="00E4102E">
        <w:t xml:space="preserve"> or CAISO Balancing Authority Area</w:t>
      </w:r>
      <w:del w:id="146" w:author="Author">
        <w:r w:rsidR="00116ADA" w:rsidRPr="00B0684B">
          <w:delText>.</w:delText>
        </w:r>
      </w:del>
      <w:ins w:id="147" w:author="Author">
        <w:r w:rsidR="00E31DD2" w:rsidRPr="00E4102E">
          <w:t>,</w:t>
        </w:r>
        <w:r w:rsidR="00D76F3D" w:rsidRPr="00E4102E">
          <w:t xml:space="preserve"> as measured on a monthly basis</w:t>
        </w:r>
        <w:r w:rsidR="00116ADA" w:rsidRPr="00E4102E">
          <w:t>.</w:t>
        </w:r>
      </w:ins>
      <w:r w:rsidR="00116ADA" w:rsidRPr="00E4102E">
        <w:t xml:space="preserve">  In periods where this excess occurs,</w:t>
      </w:r>
      <w:r w:rsidR="00B271F7" w:rsidRPr="00E4102E">
        <w:t xml:space="preserve"> the </w:t>
      </w:r>
      <w:ins w:id="148" w:author="Author">
        <w:r w:rsidR="00B271F7" w:rsidRPr="00E4102E">
          <w:t>CAISO will calculate the</w:t>
        </w:r>
        <w:r w:rsidR="00D65603" w:rsidRPr="00E4102E">
          <w:t xml:space="preserve"> </w:t>
        </w:r>
      </w:ins>
      <w:r w:rsidR="00F068A5" w:rsidRPr="00E4102E">
        <w:t xml:space="preserve">EDAM </w:t>
      </w:r>
      <w:del w:id="149" w:author="Author">
        <w:r w:rsidR="00116ADA" w:rsidRPr="00B0684B">
          <w:delText xml:space="preserve">Entity, on behalf of the EDAM Transmission Service Provider, will be compensated for the transmission use supporting </w:delText>
        </w:r>
      </w:del>
      <w:ins w:id="150" w:author="Author">
        <w:r w:rsidR="00F068A5" w:rsidRPr="00E4102E">
          <w:t xml:space="preserve">Recoverable </w:t>
        </w:r>
        <w:r w:rsidR="00661844" w:rsidRPr="00E4102E">
          <w:t>Revenue</w:t>
        </w:r>
        <w:r w:rsidR="00F068A5" w:rsidRPr="00E4102E">
          <w:t xml:space="preserve"> </w:t>
        </w:r>
        <w:r w:rsidR="00661844" w:rsidRPr="00E4102E">
          <w:t>by multiplying</w:t>
        </w:r>
        <w:r w:rsidR="00F068A5" w:rsidRPr="00E4102E">
          <w:t xml:space="preserve"> that volume </w:t>
        </w:r>
        <w:r w:rsidR="00FB7CB7" w:rsidRPr="00E4102E">
          <w:t xml:space="preserve">of </w:t>
        </w:r>
        <w:r w:rsidR="00661844" w:rsidRPr="00E4102E">
          <w:t>wheel</w:t>
        </w:r>
        <w:r w:rsidR="005D285C" w:rsidRPr="00E4102E">
          <w:t>ing</w:t>
        </w:r>
        <w:r w:rsidR="00661844" w:rsidRPr="00E4102E">
          <w:t xml:space="preserve">-through transactions in </w:t>
        </w:r>
      </w:ins>
      <w:r w:rsidR="00661844" w:rsidRPr="00E4102E">
        <w:t xml:space="preserve">excess </w:t>
      </w:r>
      <w:del w:id="151" w:author="Author">
        <w:r w:rsidR="00116ADA" w:rsidRPr="00B0684B">
          <w:delText xml:space="preserve">wheeling through </w:delText>
        </w:r>
      </w:del>
      <w:ins w:id="152" w:author="Author">
        <w:r w:rsidR="00661844" w:rsidRPr="00E4102E">
          <w:t>of the total net transfers by</w:t>
        </w:r>
        <w:r w:rsidR="00565FC0" w:rsidRPr="00E4102E">
          <w:t xml:space="preserve"> </w:t>
        </w:r>
      </w:ins>
      <w:r w:rsidR="00565FC0" w:rsidRPr="00E4102E">
        <w:t>the</w:t>
      </w:r>
      <w:r w:rsidR="00661844" w:rsidRPr="00E4102E">
        <w:t xml:space="preserve"> </w:t>
      </w:r>
      <w:del w:id="153" w:author="Author">
        <w:r w:rsidR="00116ADA" w:rsidRPr="00B0684B">
          <w:delText>EDAM Transmission Service Provider</w:delText>
        </w:r>
        <w:r w:rsidR="00565FC0" w:rsidRPr="00B0684B">
          <w:delText xml:space="preserve"> at the</w:delText>
        </w:r>
      </w:del>
      <w:ins w:id="154" w:author="Author">
        <w:r w:rsidR="00661844" w:rsidRPr="00E4102E">
          <w:t>applicable</w:t>
        </w:r>
      </w:ins>
      <w:r w:rsidR="00565FC0" w:rsidRPr="00E4102E">
        <w:t xml:space="preserve"> EDAM Transmission Service Provider’s non-firm hourly point-to-point transmission rate</w:t>
      </w:r>
      <w:del w:id="155" w:author="Author">
        <w:r w:rsidR="00116ADA" w:rsidRPr="00B0684B">
          <w:delText xml:space="preserve"> or</w:delText>
        </w:r>
      </w:del>
      <w:ins w:id="156" w:author="Author">
        <w:r w:rsidR="00E31DD2" w:rsidRPr="00E4102E">
          <w:t>.</w:t>
        </w:r>
        <w:r w:rsidR="00D65603" w:rsidRPr="00E4102E">
          <w:t xml:space="preserve"> </w:t>
        </w:r>
        <w:r w:rsidR="00E31DD2" w:rsidRPr="00E4102E">
          <w:t xml:space="preserve"> For</w:t>
        </w:r>
        <w:r w:rsidR="00116ADA" w:rsidRPr="00E4102E">
          <w:t xml:space="preserve"> Participating TO</w:t>
        </w:r>
        <w:r w:rsidR="00E31DD2" w:rsidRPr="00E4102E">
          <w:t>s,</w:t>
        </w:r>
      </w:ins>
      <w:r w:rsidR="00E31DD2" w:rsidRPr="00E4102E">
        <w:t xml:space="preserve"> the CAISO </w:t>
      </w:r>
      <w:del w:id="157" w:author="Author">
        <w:r w:rsidR="00116ADA" w:rsidRPr="00B0684B">
          <w:delText xml:space="preserve">Participating TO </w:delText>
        </w:r>
        <w:r w:rsidR="00D03F76" w:rsidRPr="00B0684B">
          <w:delText xml:space="preserve">will be compensated for </w:delText>
        </w:r>
        <w:r w:rsidR="007118C5" w:rsidRPr="00B0684B">
          <w:delText xml:space="preserve">excess </w:delText>
        </w:r>
        <w:r w:rsidR="00C06E77" w:rsidRPr="00B0684B">
          <w:delText>W</w:delText>
        </w:r>
        <w:r w:rsidR="007118C5" w:rsidRPr="00B0684B">
          <w:delText xml:space="preserve">heeling </w:delText>
        </w:r>
        <w:r w:rsidR="00C06E77" w:rsidRPr="00B0684B">
          <w:delText>T</w:delText>
        </w:r>
        <w:r w:rsidR="007118C5" w:rsidRPr="00B0684B">
          <w:delText>hrough</w:delText>
        </w:r>
        <w:r w:rsidR="00D03F76" w:rsidRPr="00B0684B">
          <w:delText xml:space="preserve"> transmission use </w:delText>
        </w:r>
        <w:r w:rsidR="00116ADA" w:rsidRPr="00B0684B">
          <w:delText xml:space="preserve">at </w:delText>
        </w:r>
      </w:del>
      <w:ins w:id="158" w:author="Author">
        <w:r w:rsidR="00D03F76" w:rsidRPr="00E4102E">
          <w:t>will</w:t>
        </w:r>
        <w:r w:rsidR="00E31DD2" w:rsidRPr="00E4102E">
          <w:t xml:space="preserve"> use</w:t>
        </w:r>
        <w:r w:rsidR="00D03F76" w:rsidRPr="00E4102E">
          <w:t xml:space="preserve"> </w:t>
        </w:r>
      </w:ins>
      <w:r w:rsidR="00E31DD2" w:rsidRPr="00E4102E">
        <w:t xml:space="preserve">the applicable Wheeling Access Charge </w:t>
      </w:r>
      <w:del w:id="159" w:author="Author">
        <w:r w:rsidR="00116ADA" w:rsidRPr="00B0684B">
          <w:delText xml:space="preserve">transmission </w:delText>
        </w:r>
      </w:del>
      <w:r w:rsidR="00E31DD2" w:rsidRPr="00E4102E">
        <w:t>rate</w:t>
      </w:r>
      <w:r w:rsidR="00116ADA" w:rsidRPr="00E4102E">
        <w:t xml:space="preserve">.  </w:t>
      </w:r>
    </w:p>
    <w:bookmarkEnd w:id="134"/>
    <w:p w14:paraId="6C5D150D" w14:textId="57D9E2C9" w:rsidR="00017166" w:rsidRPr="00E4102E" w:rsidRDefault="00116ADA" w:rsidP="00017166">
      <w:pPr>
        <w:keepNext/>
        <w:keepLines/>
        <w:rPr>
          <w:b/>
        </w:rPr>
      </w:pPr>
      <w:r w:rsidRPr="00E4102E">
        <w:rPr>
          <w:b/>
          <w:bCs/>
        </w:rPr>
        <w:t>33.26.3</w:t>
      </w:r>
      <w:r w:rsidRPr="00E4102E">
        <w:rPr>
          <w:b/>
        </w:rPr>
        <w:tab/>
      </w:r>
      <w:ins w:id="160" w:author="Author">
        <w:r w:rsidR="00AB43FF" w:rsidRPr="00E4102E">
          <w:rPr>
            <w:b/>
          </w:rPr>
          <w:tab/>
        </w:r>
      </w:ins>
      <w:r w:rsidRPr="00E4102E">
        <w:rPr>
          <w:b/>
        </w:rPr>
        <w:t>Assessing Access Charges and Allocating Revenues in the EDAM</w:t>
      </w:r>
    </w:p>
    <w:p w14:paraId="1B91DD03" w14:textId="1C6F7DE9" w:rsidR="00530B10" w:rsidRPr="00E4102E" w:rsidRDefault="00116ADA" w:rsidP="00017166">
      <w:pPr>
        <w:ind w:left="720"/>
        <w:rPr>
          <w:ins w:id="161" w:author="Author"/>
        </w:rPr>
      </w:pPr>
      <w:del w:id="162" w:author="Author">
        <w:r w:rsidRPr="00B0684B">
          <w:delText xml:space="preserve">The </w:delText>
        </w:r>
      </w:del>
      <w:ins w:id="163" w:author="Author">
        <w:r w:rsidRPr="00E4102E">
          <w:t>T</w:t>
        </w:r>
        <w:r w:rsidR="00B834E8" w:rsidRPr="00E4102E">
          <w:t xml:space="preserve">o recover each EDAM Transmission </w:t>
        </w:r>
        <w:r w:rsidR="00151C9A" w:rsidRPr="00E4102E">
          <w:t xml:space="preserve">Service </w:t>
        </w:r>
        <w:r w:rsidR="00B834E8" w:rsidRPr="00E4102E">
          <w:t>Provider’s EDAM Recoverable Revenue, t</w:t>
        </w:r>
        <w:r w:rsidRPr="00E4102E">
          <w:t xml:space="preserve">he </w:t>
        </w:r>
      </w:ins>
      <w:r w:rsidRPr="00E4102E">
        <w:t>CAISO will assess an EDAM Access Charge</w:t>
      </w:r>
      <w:del w:id="164" w:author="Author">
        <w:r w:rsidRPr="00B0684B">
          <w:delText xml:space="preserve"> to recover the EDAM projected recoverable revenue shortfalls</w:delText>
        </w:r>
      </w:del>
      <w:r w:rsidRPr="00E4102E">
        <w:t xml:space="preserve"> to Gross Load in each EDAM Balancing Authority Area.  Each EDAM Access Charge will recover the projected </w:t>
      </w:r>
      <w:del w:id="165" w:author="Author">
        <w:r w:rsidRPr="00B0684B">
          <w:delText>recoverable revenue shortfalls</w:delText>
        </w:r>
      </w:del>
      <w:ins w:id="166" w:author="Author">
        <w:r w:rsidR="00B834E8" w:rsidRPr="00E4102E">
          <w:t>EDAM Recoverable Revenue</w:t>
        </w:r>
      </w:ins>
      <w:r w:rsidRPr="00E4102E">
        <w:t xml:space="preserve"> for the EDAM Balancing Authority Areas outside the Balancing Authority Area for that</w:t>
      </w:r>
      <w:r w:rsidR="005D285C" w:rsidRPr="00E4102E">
        <w:t xml:space="preserve"> </w:t>
      </w:r>
      <w:ins w:id="167" w:author="Author">
        <w:r w:rsidR="005D285C" w:rsidRPr="00E4102E">
          <w:t>EDAM</w:t>
        </w:r>
        <w:r w:rsidRPr="00E4102E">
          <w:t xml:space="preserve"> </w:t>
        </w:r>
      </w:ins>
      <w:r w:rsidRPr="00E4102E">
        <w:t xml:space="preserve">Access Charge, such that no EDAM Balancing Authority Area will be assessed its own projected </w:t>
      </w:r>
      <w:del w:id="168" w:author="Author">
        <w:r w:rsidRPr="00B0684B">
          <w:delText>recoverable revenue shortfalls</w:delText>
        </w:r>
      </w:del>
      <w:ins w:id="169" w:author="Author">
        <w:r w:rsidR="00E31DD2" w:rsidRPr="00E4102E">
          <w:t>EDAM Recoverable Revenue</w:t>
        </w:r>
      </w:ins>
      <w:r w:rsidRPr="00E4102E">
        <w:t xml:space="preserve">.  The CAISO will assess EDAM </w:t>
      </w:r>
      <w:r w:rsidRPr="00E4102E">
        <w:lastRenderedPageBreak/>
        <w:t xml:space="preserve">Access Charges based on the EDAM Balancing Authority Areas’ Gross Loads.  </w:t>
      </w:r>
    </w:p>
    <w:p w14:paraId="49FD9413" w14:textId="0E0736A8" w:rsidR="00017166" w:rsidRPr="00E4102E" w:rsidRDefault="00116ADA" w:rsidP="00017166">
      <w:pPr>
        <w:ind w:left="720"/>
      </w:pPr>
      <w:r w:rsidRPr="00E4102E">
        <w:t xml:space="preserve">The CAISO will allocate revenues collected from the EDAM Access Charges to EDAM Entities on behalf of each </w:t>
      </w:r>
      <w:del w:id="170" w:author="Author">
        <w:r w:rsidRPr="00B0684B">
          <w:delText xml:space="preserve">such </w:delText>
        </w:r>
      </w:del>
      <w:r w:rsidRPr="00E4102E">
        <w:t xml:space="preserve">EDAM Transmission Service Provider, in proportion to </w:t>
      </w:r>
      <w:del w:id="171" w:author="Author">
        <w:r w:rsidRPr="00B0684B">
          <w:delText>its</w:delText>
        </w:r>
      </w:del>
      <w:ins w:id="172" w:author="Author">
        <w:r w:rsidR="007F0BC3" w:rsidRPr="00E4102E">
          <w:t>each EDAM Entity</w:t>
        </w:r>
        <w:r w:rsidR="00E31DD2" w:rsidRPr="00E4102E">
          <w:t>’s</w:t>
        </w:r>
        <w:r w:rsidR="007F0BC3" w:rsidRPr="00E4102E">
          <w:t xml:space="preserve"> proportionate</w:t>
        </w:r>
      </w:ins>
      <w:r w:rsidRPr="00E4102E">
        <w:t xml:space="preserve"> share of </w:t>
      </w:r>
      <w:del w:id="173" w:author="Author">
        <w:r w:rsidRPr="00B0684B">
          <w:delText>EDAM</w:delText>
        </w:r>
      </w:del>
      <w:ins w:id="174" w:author="Author">
        <w:r w:rsidR="007F0BC3" w:rsidRPr="00E4102E">
          <w:t>total</w:t>
        </w:r>
      </w:ins>
      <w:r w:rsidR="007F0BC3" w:rsidRPr="00E4102E">
        <w:t xml:space="preserve"> </w:t>
      </w:r>
      <w:r w:rsidR="00E31DD2" w:rsidRPr="00E4102E">
        <w:t xml:space="preserve">projected </w:t>
      </w:r>
      <w:del w:id="175" w:author="Author">
        <w:r w:rsidRPr="00B0684B">
          <w:delText xml:space="preserve">recoverable revenue shortfalls. </w:delText>
        </w:r>
      </w:del>
      <w:ins w:id="176" w:author="Author">
        <w:r w:rsidRPr="00E4102E">
          <w:t xml:space="preserve">EDAM </w:t>
        </w:r>
        <w:r w:rsidR="00E31DD2" w:rsidRPr="00E4102E">
          <w:t>Recoverable Revenue</w:t>
        </w:r>
        <w:r w:rsidRPr="00E4102E">
          <w:t>.</w:t>
        </w:r>
        <w:r w:rsidR="007F0BC3" w:rsidRPr="00E4102E">
          <w:t xml:space="preserve">  </w:t>
        </w:r>
        <w:r w:rsidR="00E31DD2" w:rsidRPr="00E4102E">
          <w:t xml:space="preserve">Any difference between projected EDAM Recoverable Revenue and actual EDAM Recoverable Revenue will be included as </w:t>
        </w:r>
        <w:r w:rsidR="007F0BC3" w:rsidRPr="00E4102E">
          <w:t>debits or credits</w:t>
        </w:r>
        <w:r w:rsidR="00E31DD2" w:rsidRPr="00E4102E">
          <w:t xml:space="preserve"> in the annual </w:t>
        </w:r>
        <w:r w:rsidR="007F0BC3" w:rsidRPr="00E4102E">
          <w:t>true-up</w:t>
        </w:r>
        <w:r w:rsidR="00E31DD2" w:rsidRPr="00E4102E">
          <w:t>,</w:t>
        </w:r>
        <w:r w:rsidR="007F0BC3" w:rsidRPr="00E4102E">
          <w:t xml:space="preserve"> as provided in Section 33.26.1.2.</w:t>
        </w:r>
      </w:ins>
      <w:r w:rsidRPr="00E4102E">
        <w:t xml:space="preserve"> </w:t>
      </w:r>
    </w:p>
    <w:p w14:paraId="20267C97" w14:textId="77777777" w:rsidR="00017166" w:rsidRPr="00E4102E" w:rsidRDefault="00116ADA" w:rsidP="00017166">
      <w:pPr>
        <w:rPr>
          <w:b/>
        </w:rPr>
      </w:pPr>
      <w:r w:rsidRPr="00E4102E">
        <w:rPr>
          <w:b/>
        </w:rPr>
        <w:t>33.26.4</w:t>
      </w:r>
      <w:r w:rsidRPr="00E4102E">
        <w:rPr>
          <w:b/>
        </w:rPr>
        <w:tab/>
      </w:r>
      <w:r w:rsidRPr="00E4102E">
        <w:rPr>
          <w:b/>
        </w:rPr>
        <w:tab/>
        <w:t>Documentation</w:t>
      </w:r>
    </w:p>
    <w:p w14:paraId="7F865E9B" w14:textId="0AB41123" w:rsidR="00017166" w:rsidRPr="00E4102E" w:rsidRDefault="00116ADA" w:rsidP="00017166">
      <w:pPr>
        <w:ind w:left="720"/>
      </w:pPr>
      <w:del w:id="177" w:author="Author">
        <w:r w:rsidRPr="00B0684B">
          <w:delText xml:space="preserve">EDAM Entities, on behalf of their </w:delText>
        </w:r>
      </w:del>
      <w:r w:rsidRPr="00E4102E">
        <w:t>EDAM Transmission Service Providers</w:t>
      </w:r>
      <w:del w:id="178" w:author="Author">
        <w:r w:rsidRPr="00B0684B">
          <w:delText>,</w:delText>
        </w:r>
      </w:del>
      <w:r w:rsidRPr="00E4102E">
        <w:t xml:space="preserve"> </w:t>
      </w:r>
      <w:r w:rsidR="009365CD" w:rsidRPr="00E4102E">
        <w:t>will</w:t>
      </w:r>
      <w:r w:rsidRPr="00E4102E">
        <w:t xml:space="preserve"> provide the CAISO all supporting documentation necessary to determine the local EDAM Access Charges in each Balancing Authority Area</w:t>
      </w:r>
      <w:r w:rsidR="00B40A04" w:rsidRPr="00E4102E">
        <w:t xml:space="preserve"> </w:t>
      </w:r>
      <w:r w:rsidR="00731516" w:rsidRPr="00E4102E">
        <w:t>by July 1 of the year prior to each year in which the EDAM Access Charge will apply</w:t>
      </w:r>
      <w:r w:rsidRPr="00E4102E">
        <w:t>.</w:t>
      </w:r>
      <w:r w:rsidR="00C66ED8" w:rsidRPr="00E4102E">
        <w:t xml:space="preserve">  The CAISO will publish all supporting documentation on the CAISO Website.</w:t>
      </w:r>
      <w:r w:rsidRPr="00E4102E">
        <w:t xml:space="preserve">  At a minimum </w:t>
      </w:r>
      <w:r w:rsidR="00C66ED8" w:rsidRPr="00E4102E">
        <w:t>EDAM Entities must provide</w:t>
      </w:r>
      <w:r w:rsidR="0099462E" w:rsidRPr="00E4102E">
        <w:t>:</w:t>
      </w:r>
      <w:r w:rsidRPr="00E4102E">
        <w:t xml:space="preserve"> (a) the final order from FERC or the Local Regulatory Authority effecting their approved transmission rates</w:t>
      </w:r>
      <w:ins w:id="179" w:author="Author">
        <w:r w:rsidR="005D285C" w:rsidRPr="00E4102E">
          <w:t xml:space="preserve"> and any informational filings or postings under relevant formula rates</w:t>
        </w:r>
      </w:ins>
      <w:r w:rsidRPr="00E4102E">
        <w:t xml:space="preserve">; (b) the sums for each </w:t>
      </w:r>
      <w:del w:id="180" w:author="Author">
        <w:r w:rsidRPr="00B0684B">
          <w:delText>recoverable revenue</w:delText>
        </w:r>
      </w:del>
      <w:ins w:id="181" w:author="Author">
        <w:r w:rsidR="00C76CCB" w:rsidRPr="00E4102E">
          <w:t>EDAM Recoverable Revenue</w:t>
        </w:r>
      </w:ins>
      <w:r w:rsidRPr="00E4102E">
        <w:t xml:space="preserve"> component and true-up; and (c) an authorized affidavit from each EDAM Transmission Service Provider attesting to the accuracy of the data provided</w:t>
      </w:r>
      <w:del w:id="182" w:author="Author">
        <w:r w:rsidRPr="00B0684B">
          <w:delText>.</w:delText>
        </w:r>
      </w:del>
      <w:ins w:id="183" w:author="Author">
        <w:r w:rsidR="00996B01" w:rsidRPr="00E4102E">
          <w:t xml:space="preserve"> and that </w:t>
        </w:r>
        <w:r w:rsidR="00B773DE" w:rsidRPr="00E4102E">
          <w:t xml:space="preserve">the EDAM Transmission Service </w:t>
        </w:r>
        <w:r w:rsidR="00B92CB2" w:rsidRPr="00E4102E">
          <w:t xml:space="preserve">will make reasonable efforts to avoid any double </w:t>
        </w:r>
        <w:r w:rsidR="00996B01" w:rsidRPr="00E4102E">
          <w:t>recovery</w:t>
        </w:r>
        <w:r w:rsidR="00B92CB2" w:rsidRPr="00E4102E">
          <w:t xml:space="preserve"> of costs</w:t>
        </w:r>
        <w:r w:rsidR="00996B01" w:rsidRPr="00E4102E">
          <w:t xml:space="preserve"> th</w:t>
        </w:r>
        <w:r w:rsidR="00B92CB2" w:rsidRPr="00E4102E">
          <w:t>r</w:t>
        </w:r>
        <w:r w:rsidR="00996B01" w:rsidRPr="00E4102E">
          <w:t>ough the EDAM Access Charge</w:t>
        </w:r>
        <w:r w:rsidRPr="00E4102E">
          <w:t>.</w:t>
        </w:r>
      </w:ins>
      <w:r w:rsidRPr="00E4102E">
        <w:t xml:space="preserve">  </w:t>
      </w:r>
      <w:r w:rsidR="00C66ED8" w:rsidRPr="00E4102E">
        <w:t>All data provided must be sufficiently granular to enable verification of the E</w:t>
      </w:r>
      <w:r w:rsidR="0099462E" w:rsidRPr="00E4102E">
        <w:t>DAM</w:t>
      </w:r>
      <w:r w:rsidR="00C66ED8" w:rsidRPr="00E4102E">
        <w:t xml:space="preserve"> Access Charge rates by the CAISO and Market Participants.  </w:t>
      </w:r>
      <w:r w:rsidRPr="00E4102E">
        <w:t xml:space="preserve">For each EDAM Transmission Service Provider, the CAISO will maintain on its </w:t>
      </w:r>
      <w:r w:rsidR="00C66ED8" w:rsidRPr="00E4102E">
        <w:t>W</w:t>
      </w:r>
      <w:r w:rsidRPr="00E4102E">
        <w:t>ebsite the current sum of each recoverable revenue component, the total true-up</w:t>
      </w:r>
      <w:r w:rsidR="0099462E" w:rsidRPr="00E4102E">
        <w:t xml:space="preserve"> amount</w:t>
      </w:r>
      <w:r w:rsidRPr="00E4102E">
        <w:t xml:space="preserve">, and </w:t>
      </w:r>
      <w:r w:rsidR="0099462E" w:rsidRPr="00E4102E">
        <w:t xml:space="preserve">the </w:t>
      </w:r>
      <w:r w:rsidRPr="00E4102E">
        <w:t>total eligible recovery</w:t>
      </w:r>
      <w:r w:rsidR="0099462E" w:rsidRPr="00E4102E">
        <w:t xml:space="preserve"> amount</w:t>
      </w:r>
      <w:r w:rsidRPr="00E4102E">
        <w:t xml:space="preserve">.  The CAISO will maintain on its </w:t>
      </w:r>
      <w:r w:rsidR="00C66ED8" w:rsidRPr="00E4102E">
        <w:t>W</w:t>
      </w:r>
      <w:r w:rsidRPr="00E4102E">
        <w:t xml:space="preserve">ebsite each EDAM Access Charge, including the rate, the Gross Load, and the total eligible recovery </w:t>
      </w:r>
      <w:r w:rsidR="0099462E" w:rsidRPr="00E4102E">
        <w:t xml:space="preserve">amount </w:t>
      </w:r>
      <w:r w:rsidRPr="00E4102E">
        <w:t>in that Balancing Authority Area.</w:t>
      </w:r>
    </w:p>
    <w:p w14:paraId="3B79C7E7" w14:textId="45AB8EA3" w:rsidR="001E1FED" w:rsidRPr="00E4102E" w:rsidRDefault="00116ADA" w:rsidP="001E1FED">
      <w:pPr>
        <w:rPr>
          <w:b/>
        </w:rPr>
      </w:pPr>
      <w:r w:rsidRPr="00E4102E">
        <w:rPr>
          <w:b/>
        </w:rPr>
        <w:t>33.26.</w:t>
      </w:r>
      <w:r w:rsidR="0099462E" w:rsidRPr="00E4102E">
        <w:rPr>
          <w:b/>
        </w:rPr>
        <w:t>5</w:t>
      </w:r>
      <w:r w:rsidRPr="00E4102E">
        <w:rPr>
          <w:b/>
        </w:rPr>
        <w:tab/>
      </w:r>
      <w:r w:rsidRPr="00E4102E">
        <w:rPr>
          <w:b/>
        </w:rPr>
        <w:tab/>
        <w:t>Exit from EDAM</w:t>
      </w:r>
    </w:p>
    <w:p w14:paraId="192C2B94" w14:textId="245BEAFB" w:rsidR="000A5245" w:rsidRPr="00E4102E" w:rsidRDefault="00116ADA" w:rsidP="001E1FED">
      <w:pPr>
        <w:ind w:left="720"/>
      </w:pPr>
      <w:r w:rsidRPr="00E4102E">
        <w:t xml:space="preserve">If an EDAM Entity withdraws from the EDAM pursuant to </w:t>
      </w:r>
      <w:r w:rsidR="00DA5E84" w:rsidRPr="00E4102E">
        <w:t>Section</w:t>
      </w:r>
      <w:r w:rsidRPr="00E4102E">
        <w:t xml:space="preserve"> 3 of </w:t>
      </w:r>
      <w:r w:rsidR="005D2570" w:rsidRPr="00E4102E">
        <w:t>its</w:t>
      </w:r>
      <w:r w:rsidR="00651998" w:rsidRPr="00E4102E">
        <w:t xml:space="preserve"> EDAM </w:t>
      </w:r>
      <w:r w:rsidR="009E5C7C" w:rsidRPr="00E4102E">
        <w:t xml:space="preserve">Addendum to EIM </w:t>
      </w:r>
      <w:r w:rsidR="00651998" w:rsidRPr="00E4102E">
        <w:t>Entity Agreement</w:t>
      </w:r>
      <w:r w:rsidRPr="00E4102E">
        <w:t>, it will continue to collect and be assessed EDAM Access Charges</w:t>
      </w:r>
      <w:r w:rsidR="00C76CCB" w:rsidRPr="00E4102E">
        <w:t xml:space="preserve"> </w:t>
      </w:r>
      <w:ins w:id="184" w:author="Author">
        <w:r w:rsidR="00C76CCB" w:rsidRPr="00E4102E">
          <w:t>only</w:t>
        </w:r>
        <w:r w:rsidRPr="00E4102E">
          <w:t xml:space="preserve"> </w:t>
        </w:r>
      </w:ins>
      <w:r w:rsidRPr="00E4102E">
        <w:t xml:space="preserve">during </w:t>
      </w:r>
      <w:r w:rsidR="00AD2750" w:rsidRPr="00E4102E">
        <w:t>the</w:t>
      </w:r>
      <w:r w:rsidRPr="00E4102E">
        <w:t xml:space="preserve"> six (6</w:t>
      </w:r>
      <w:del w:id="185" w:author="Author">
        <w:r w:rsidRPr="00B0684B">
          <w:delText>)</w:delText>
        </w:r>
        <w:r w:rsidR="008052BC" w:rsidRPr="00B0684B">
          <w:delText>-</w:delText>
        </w:r>
      </w:del>
      <w:ins w:id="186" w:author="Author">
        <w:r w:rsidRPr="00E4102E">
          <w:t>)</w:t>
        </w:r>
        <w:r w:rsidR="00BF2D42" w:rsidRPr="00E4102E">
          <w:t xml:space="preserve"> </w:t>
        </w:r>
      </w:ins>
      <w:r w:rsidRPr="00E4102E">
        <w:t xml:space="preserve">month interim </w:t>
      </w:r>
      <w:r w:rsidR="00AD2750" w:rsidRPr="00E4102E">
        <w:t xml:space="preserve">notice </w:t>
      </w:r>
      <w:r w:rsidRPr="00E4102E">
        <w:t xml:space="preserve">period before withdrawing from the EDAM.  </w:t>
      </w:r>
      <w:del w:id="187" w:author="Author">
        <w:r w:rsidRPr="00B0684B">
          <w:delText>It</w:delText>
        </w:r>
      </w:del>
      <w:ins w:id="188" w:author="Author">
        <w:r w:rsidR="00C76CCB" w:rsidRPr="00E4102E">
          <w:t xml:space="preserve">A </w:t>
        </w:r>
        <w:r w:rsidR="009365CD" w:rsidRPr="00E4102E">
          <w:t>withdrawn</w:t>
        </w:r>
        <w:r w:rsidR="00C76CCB" w:rsidRPr="00E4102E">
          <w:t xml:space="preserve"> </w:t>
        </w:r>
        <w:r w:rsidR="00C76CCB" w:rsidRPr="00E4102E">
          <w:lastRenderedPageBreak/>
          <w:t>EDAM Entity</w:t>
        </w:r>
      </w:ins>
      <w:r w:rsidRPr="00E4102E">
        <w:t xml:space="preserve"> will not collect, be assessed, or true-up any costs or revenues through the EDAM Access Charge after this </w:t>
      </w:r>
      <w:r w:rsidR="005D4C9B" w:rsidRPr="00E4102E">
        <w:t>interim</w:t>
      </w:r>
      <w:r w:rsidR="009E5C7C" w:rsidRPr="00E4102E">
        <w:t xml:space="preserve"> notice</w:t>
      </w:r>
      <w:r w:rsidR="005D4C9B" w:rsidRPr="00E4102E">
        <w:t xml:space="preserve"> </w:t>
      </w:r>
      <w:r w:rsidRPr="00E4102E">
        <w:t>period</w:t>
      </w:r>
      <w:r w:rsidR="00D354F8" w:rsidRPr="00E4102E">
        <w:t>, except for the previous calendar year’s true-up under Section 33.26.</w:t>
      </w:r>
      <w:r w:rsidR="000F10EC" w:rsidRPr="00E4102E">
        <w:t>5</w:t>
      </w:r>
      <w:r w:rsidR="00D354F8" w:rsidRPr="00E4102E">
        <w:t>.1</w:t>
      </w:r>
      <w:r w:rsidRPr="00E4102E">
        <w:t xml:space="preserve">.  </w:t>
      </w:r>
    </w:p>
    <w:p w14:paraId="1AAB4425" w14:textId="768D79D4" w:rsidR="000A5245" w:rsidRPr="00E4102E" w:rsidRDefault="00116ADA" w:rsidP="001E1FED">
      <w:pPr>
        <w:ind w:left="720"/>
        <w:rPr>
          <w:b/>
        </w:rPr>
      </w:pPr>
      <w:r w:rsidRPr="00E4102E">
        <w:rPr>
          <w:b/>
        </w:rPr>
        <w:t>33.26.</w:t>
      </w:r>
      <w:r w:rsidR="0099462E" w:rsidRPr="00E4102E">
        <w:rPr>
          <w:b/>
        </w:rPr>
        <w:t>5</w:t>
      </w:r>
      <w:r w:rsidRPr="00E4102E">
        <w:rPr>
          <w:b/>
        </w:rPr>
        <w:t>.1</w:t>
      </w:r>
      <w:r w:rsidRPr="00E4102E">
        <w:rPr>
          <w:b/>
        </w:rPr>
        <w:tab/>
      </w:r>
      <w:r w:rsidR="00651998" w:rsidRPr="00E4102E">
        <w:rPr>
          <w:b/>
        </w:rPr>
        <w:t xml:space="preserve">Treatment of </w:t>
      </w:r>
      <w:ins w:id="189" w:author="Author">
        <w:r w:rsidR="008463D3" w:rsidRPr="00E4102E">
          <w:rPr>
            <w:b/>
          </w:rPr>
          <w:t xml:space="preserve">True-up </w:t>
        </w:r>
      </w:ins>
      <w:r w:rsidR="00651998" w:rsidRPr="00E4102E">
        <w:rPr>
          <w:b/>
        </w:rPr>
        <w:t>Amounts</w:t>
      </w:r>
    </w:p>
    <w:p w14:paraId="49731519" w14:textId="5CCC2A36" w:rsidR="00017166" w:rsidRPr="00E4102E" w:rsidRDefault="00116ADA" w:rsidP="000A5245">
      <w:pPr>
        <w:ind w:left="1440"/>
      </w:pPr>
      <w:r w:rsidRPr="00E4102E">
        <w:t xml:space="preserve">If an EDAM Entity owed or was owed any true-up </w:t>
      </w:r>
      <w:r w:rsidR="00816A6D" w:rsidRPr="00E4102E">
        <w:t xml:space="preserve">amount </w:t>
      </w:r>
      <w:r w:rsidRPr="00E4102E">
        <w:t xml:space="preserve">from the previous </w:t>
      </w:r>
      <w:r w:rsidR="001617DB" w:rsidRPr="00E4102E">
        <w:t xml:space="preserve">calendar </w:t>
      </w:r>
      <w:r w:rsidRPr="00E4102E">
        <w:t xml:space="preserve">year pursuant to Section 33.26.1.2 before it </w:t>
      </w:r>
      <w:r w:rsidR="00816A6D" w:rsidRPr="00E4102E">
        <w:t xml:space="preserve">gave its written </w:t>
      </w:r>
      <w:r w:rsidRPr="00E4102E">
        <w:t xml:space="preserve">notice </w:t>
      </w:r>
      <w:r w:rsidR="00816A6D" w:rsidRPr="00E4102E">
        <w:t>of</w:t>
      </w:r>
      <w:r w:rsidRPr="00E4102E">
        <w:t xml:space="preserve"> terminat</w:t>
      </w:r>
      <w:r w:rsidR="00816A6D" w:rsidRPr="00E4102E">
        <w:t xml:space="preserve">ion to the CAISO in accordance with Section 3 of its EDAM </w:t>
      </w:r>
      <w:r w:rsidR="009E5C7C" w:rsidRPr="00E4102E">
        <w:t xml:space="preserve">Addendum to EIM </w:t>
      </w:r>
      <w:r w:rsidR="00816A6D" w:rsidRPr="00E4102E">
        <w:t>Entity Agreement</w:t>
      </w:r>
      <w:r w:rsidRPr="00E4102E">
        <w:t xml:space="preserve">, and it withdraws </w:t>
      </w:r>
      <w:r w:rsidR="000F10EC" w:rsidRPr="00E4102E">
        <w:t xml:space="preserve">from the EDAM </w:t>
      </w:r>
      <w:r w:rsidRPr="00E4102E">
        <w:t xml:space="preserve">before the end of the </w:t>
      </w:r>
      <w:r w:rsidR="001617DB" w:rsidRPr="00E4102E">
        <w:t xml:space="preserve">calendar </w:t>
      </w:r>
      <w:r w:rsidRPr="00E4102E">
        <w:t xml:space="preserve">year such that </w:t>
      </w:r>
      <w:r w:rsidR="000F10EC" w:rsidRPr="00E4102E">
        <w:t>any</w:t>
      </w:r>
      <w:r w:rsidRPr="00E4102E">
        <w:t xml:space="preserve"> true-up </w:t>
      </w:r>
      <w:r w:rsidR="00816A6D" w:rsidRPr="00E4102E">
        <w:t xml:space="preserve">amount </w:t>
      </w:r>
      <w:r w:rsidRPr="00E4102E">
        <w:t>remains</w:t>
      </w:r>
      <w:r w:rsidR="00816A6D" w:rsidRPr="00E4102E">
        <w:t xml:space="preserve"> outstanding</w:t>
      </w:r>
      <w:r w:rsidRPr="00E4102E">
        <w:t>, either:</w:t>
      </w:r>
    </w:p>
    <w:p w14:paraId="3CC56054" w14:textId="7CE868FD" w:rsidR="000A5245" w:rsidRPr="00E4102E" w:rsidRDefault="00116ADA" w:rsidP="000A5245">
      <w:pPr>
        <w:ind w:left="1440"/>
      </w:pPr>
      <w:r w:rsidRPr="00E4102E">
        <w:t xml:space="preserve">(a) </w:t>
      </w:r>
      <w:r w:rsidR="00816A6D" w:rsidRPr="00E4102E">
        <w:t>t</w:t>
      </w:r>
      <w:r w:rsidRPr="00E4102E">
        <w:t xml:space="preserve">he EDAM Entity will pay the CAISO the remaining </w:t>
      </w:r>
      <w:r w:rsidR="000F10EC" w:rsidRPr="00E4102E">
        <w:t xml:space="preserve">true-up </w:t>
      </w:r>
      <w:r w:rsidRPr="00E4102E">
        <w:t>balance it owed upon the end of the interim period</w:t>
      </w:r>
      <w:r w:rsidR="000F10EC" w:rsidRPr="00E4102E">
        <w:t xml:space="preserve"> described in Section 33.26.5</w:t>
      </w:r>
      <w:r w:rsidRPr="00E4102E">
        <w:t xml:space="preserve">, and the CAISO will distribute that balance through the EDAM Access Charges over the rest of the </w:t>
      </w:r>
      <w:r w:rsidR="001617DB" w:rsidRPr="00E4102E">
        <w:t xml:space="preserve">calendar </w:t>
      </w:r>
      <w:r w:rsidRPr="00E4102E">
        <w:t>year; or</w:t>
      </w:r>
    </w:p>
    <w:p w14:paraId="0B8A398D" w14:textId="49FB3ACD" w:rsidR="000A5245" w:rsidRPr="00E4102E" w:rsidRDefault="00116ADA" w:rsidP="000A5245">
      <w:pPr>
        <w:ind w:left="1440"/>
      </w:pPr>
      <w:r w:rsidRPr="00E4102E">
        <w:t xml:space="preserve">(b) </w:t>
      </w:r>
      <w:r w:rsidR="00816A6D" w:rsidRPr="00E4102E">
        <w:t>t</w:t>
      </w:r>
      <w:r w:rsidRPr="00E4102E">
        <w:t xml:space="preserve">he CAISO will continue to collect the remaining true-up </w:t>
      </w:r>
      <w:r w:rsidR="000F10EC" w:rsidRPr="00E4102E">
        <w:t xml:space="preserve">amount </w:t>
      </w:r>
      <w:r w:rsidRPr="00E4102E">
        <w:t>owed the EDAM Entity through the EDAM Access Charges</w:t>
      </w:r>
      <w:r w:rsidR="001617DB" w:rsidRPr="00E4102E">
        <w:t xml:space="preserve"> through</w:t>
      </w:r>
      <w:r w:rsidR="00816A6D" w:rsidRPr="00E4102E">
        <w:t>out</w:t>
      </w:r>
      <w:r w:rsidR="001617DB" w:rsidRPr="00E4102E">
        <w:t xml:space="preserve"> the rest of the calendar year, and will pay that true-up </w:t>
      </w:r>
      <w:r w:rsidR="000F10EC" w:rsidRPr="00E4102E">
        <w:t xml:space="preserve">amount </w:t>
      </w:r>
      <w:r w:rsidR="001617DB" w:rsidRPr="00E4102E">
        <w:t>to the EDAM Entity thereafter.</w:t>
      </w:r>
    </w:p>
    <w:p w14:paraId="74716514" w14:textId="68E1802D" w:rsidR="001617DB" w:rsidRPr="00E4102E" w:rsidRDefault="00116ADA" w:rsidP="000A5245">
      <w:pPr>
        <w:ind w:left="1440"/>
      </w:pPr>
      <w:r w:rsidRPr="00E4102E">
        <w:t xml:space="preserve">This </w:t>
      </w:r>
      <w:r w:rsidR="00816A6D" w:rsidRPr="00E4102E">
        <w:t>Section</w:t>
      </w:r>
      <w:r w:rsidR="00623EFF" w:rsidRPr="00E4102E">
        <w:t xml:space="preserve"> </w:t>
      </w:r>
      <w:r w:rsidRPr="00E4102E">
        <w:t>33.26.</w:t>
      </w:r>
      <w:r w:rsidR="00816A6D" w:rsidRPr="00E4102E">
        <w:t>5</w:t>
      </w:r>
      <w:r w:rsidRPr="00E4102E">
        <w:t>.1 excludes all charges or payments outside of the previous calendar year true-up under Section 33.26.1.2.</w:t>
      </w:r>
    </w:p>
    <w:p w14:paraId="61ACB033" w14:textId="24A6D459" w:rsidR="008463D3" w:rsidRPr="00E4102E" w:rsidRDefault="008463D3" w:rsidP="00F05BC3">
      <w:pPr>
        <w:numPr>
          <w:ilvl w:val="2"/>
          <w:numId w:val="3"/>
        </w:numPr>
        <w:rPr>
          <w:ins w:id="190" w:author="Author"/>
          <w:b/>
          <w:bCs/>
        </w:rPr>
      </w:pPr>
      <w:ins w:id="191" w:author="Author">
        <w:r w:rsidRPr="00E4102E">
          <w:rPr>
            <w:b/>
            <w:bCs/>
          </w:rPr>
          <w:tab/>
          <w:t>Three-Year Review</w:t>
        </w:r>
      </w:ins>
    </w:p>
    <w:p w14:paraId="38F0910F" w14:textId="4581ED99" w:rsidR="008463D3" w:rsidRPr="00E4102E" w:rsidRDefault="008463D3" w:rsidP="008463D3">
      <w:pPr>
        <w:ind w:left="1440"/>
        <w:rPr>
          <w:ins w:id="192" w:author="Author"/>
        </w:rPr>
      </w:pPr>
      <w:ins w:id="193" w:author="Author">
        <w:r w:rsidRPr="00E4102E">
          <w:t xml:space="preserve">No later than three (3) years after the original effective date of this Section 33.26, the CAISO will publish on the CAISO Website a performance report on the EDAM Access Charge.  The performance report will include without limitation: an explanation of the impacts of the EDAM Access Charge on EDAM Transmission Service Providers’ revenue recovery and rates; the performance of the EDAM Access Charge in managing cost shifts among customers; and analysis by the CAISO of any other impacts or externalities.  </w:t>
        </w:r>
      </w:ins>
    </w:p>
    <w:p w14:paraId="2FB30BA4" w14:textId="77777777" w:rsidR="008463D3" w:rsidRPr="00E4102E" w:rsidRDefault="008463D3" w:rsidP="000A5245">
      <w:pPr>
        <w:ind w:left="1440"/>
        <w:rPr>
          <w:ins w:id="194" w:author="Author"/>
        </w:rPr>
      </w:pPr>
    </w:p>
    <w:p w14:paraId="72CB7915" w14:textId="75691EFC" w:rsidR="00630E23" w:rsidRPr="00E4102E" w:rsidRDefault="00630E23" w:rsidP="00017166">
      <w:pPr>
        <w:jc w:val="center"/>
      </w:pPr>
    </w:p>
    <w:p w14:paraId="5CD6AD58" w14:textId="0BFCA0A5" w:rsidR="00630E23" w:rsidRPr="00E4102E" w:rsidRDefault="00116ADA" w:rsidP="00630E23">
      <w:pPr>
        <w:jc w:val="center"/>
      </w:pPr>
      <w:r w:rsidRPr="00E4102E">
        <w:t>* * * * *</w:t>
      </w:r>
    </w:p>
    <w:p w14:paraId="75AB91AF" w14:textId="77777777" w:rsidR="00630E23" w:rsidRPr="00E4102E" w:rsidRDefault="00630E23" w:rsidP="00630E23">
      <w:pPr>
        <w:jc w:val="center"/>
      </w:pPr>
    </w:p>
    <w:p w14:paraId="69026A41" w14:textId="77777777" w:rsidR="00630E23" w:rsidRPr="00E4102E" w:rsidRDefault="00116ADA" w:rsidP="00630E23">
      <w:pPr>
        <w:keepNext/>
        <w:keepLines/>
        <w:rPr>
          <w:b/>
          <w:bCs/>
        </w:rPr>
      </w:pPr>
      <w:r w:rsidRPr="00E4102E">
        <w:rPr>
          <w:b/>
          <w:bCs/>
        </w:rPr>
        <w:lastRenderedPageBreak/>
        <w:t>- EDAM Access Charge</w:t>
      </w:r>
    </w:p>
    <w:p w14:paraId="1CB34118" w14:textId="52E003EF" w:rsidR="00630E23" w:rsidRPr="00E4102E" w:rsidRDefault="00116ADA" w:rsidP="00630E23">
      <w:pPr>
        <w:keepNext/>
        <w:keepLines/>
      </w:pPr>
      <w:r w:rsidRPr="00E4102E">
        <w:t xml:space="preserve">The Access Charge that </w:t>
      </w:r>
      <w:r w:rsidR="00114C78" w:rsidRPr="00E4102E">
        <w:t>balances</w:t>
      </w:r>
      <w:r w:rsidRPr="00E4102E">
        <w:t xml:space="preserve"> historical transmission revenue </w:t>
      </w:r>
      <w:r w:rsidR="00114C78" w:rsidRPr="00E4102E">
        <w:t>cost allocation</w:t>
      </w:r>
      <w:r w:rsidR="0059005F" w:rsidRPr="00E4102E">
        <w:t xml:space="preserve"> </w:t>
      </w:r>
      <w:r w:rsidRPr="00E4102E">
        <w:t>through the Extended Day-Ahead Market pursuant to Section 33.26.</w:t>
      </w:r>
    </w:p>
    <w:p w14:paraId="4D60EE98" w14:textId="3C0FEE17" w:rsidR="009365CD" w:rsidRPr="00E4102E" w:rsidRDefault="009365CD" w:rsidP="00630E23">
      <w:pPr>
        <w:keepNext/>
        <w:keepLines/>
        <w:rPr>
          <w:ins w:id="195" w:author="Author"/>
        </w:rPr>
      </w:pPr>
    </w:p>
    <w:p w14:paraId="4A2DAE57" w14:textId="3EA45839" w:rsidR="009365CD" w:rsidRPr="00E4102E" w:rsidRDefault="009365CD" w:rsidP="00630E23">
      <w:pPr>
        <w:keepNext/>
        <w:keepLines/>
        <w:rPr>
          <w:ins w:id="196" w:author="Author"/>
        </w:rPr>
      </w:pPr>
      <w:ins w:id="197" w:author="Author">
        <w:r w:rsidRPr="00E4102E">
          <w:rPr>
            <w:b/>
          </w:rPr>
          <w:t>- EDAM Recoverable Revenue</w:t>
        </w:r>
      </w:ins>
    </w:p>
    <w:p w14:paraId="41D9677C" w14:textId="088E7D46" w:rsidR="009365CD" w:rsidRPr="009365CD" w:rsidRDefault="000438F0" w:rsidP="00630E23">
      <w:pPr>
        <w:keepNext/>
        <w:keepLines/>
        <w:rPr>
          <w:ins w:id="198" w:author="Author"/>
        </w:rPr>
      </w:pPr>
      <w:ins w:id="199" w:author="Author">
        <w:r w:rsidRPr="00E4102E">
          <w:t>Eligible r</w:t>
        </w:r>
        <w:r w:rsidR="005B5EB7" w:rsidRPr="00E4102E">
          <w:t>evenues recovered by EDAM Entities through the EDAM Access Charge pursuant to Section 33.26.</w:t>
        </w:r>
      </w:ins>
    </w:p>
    <w:p w14:paraId="48CB1842" w14:textId="77777777" w:rsidR="00630E23" w:rsidRDefault="00630E23" w:rsidP="00630E23"/>
    <w:sectPr w:rsidR="00630E23">
      <w:footerReference w:type="default" r:id="rId16"/>
      <w:pgSz w:w="12240" w:h="15840"/>
      <w:pgMar w:top="1440" w:right="1440" w:bottom="1440" w:left="1440" w:header="720" w:footer="720" w:gutter="0"/>
      <w:cols w:space="720"/>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ex:commentExtensible w16cex:durableId="29A97422" w16cex:dateUtc="2024-03-23T19:30:00Z"/>
  <w16cex:commentExtensible w16cex:durableId="29A97017" w16cex:dateUtc="2024-03-23T19:13:00Z"/>
  <w16cex:commentExtensible w16cex:durableId="29A91447" w16cex:dateUtc="2024-03-23T12:41:00Z"/>
  <w16cex:commentExtensible w16cex:durableId="29A9160B" w16cex:dateUtc="2024-03-23T12:49:00Z"/>
  <w16cex:commentExtensible w16cex:durableId="29A918BD" w16cex:dateUtc="2024-03-23T13:00:00Z"/>
  <w16cex:commentExtensible w16cex:durableId="29AC42E5" w16cex:dateUtc="2024-03-25T22:37:00Z"/>
  <w16cex:commentExtensible w16cex:durableId="29AC4183" w16cex:dateUtc="2024-03-25T22:31:00Z"/>
  <w16cex:commentExtensible w16cex:durableId="29A96B8E" w16cex:dateUtc="2024-03-23T18:54:00Z"/>
  <w16cex:commentExtensible w16cex:durableId="29A9295C" w16cex:dateUtc="2024-03-23T14:11:00Z"/>
  <w16cex:commentExtensible w16cex:durableId="29AE7327" w16cex:dateUtc="2024-03-27T14:27: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08D40A3A" w16cid:durableId="29A97422"/>
  <w16cid:commentId w16cid:paraId="09FF2748" w16cid:durableId="29A97017"/>
  <w16cid:commentId w16cid:paraId="54DF6D03" w16cid:durableId="29A91447"/>
  <w16cid:commentId w16cid:paraId="76771B56" w16cid:durableId="29A9160B"/>
  <w16cid:commentId w16cid:paraId="6150DA3B" w16cid:durableId="29A918BD"/>
  <w16cid:commentId w16cid:paraId="7EB6BD77" w16cid:durableId="29AC42E5"/>
  <w16cid:commentId w16cid:paraId="10255B93" w16cid:durableId="29AC4183"/>
  <w16cid:commentId w16cid:paraId="2260C199" w16cid:durableId="29A96B8E"/>
  <w16cid:commentId w16cid:paraId="40DD7D5B" w16cid:durableId="29A9295C"/>
  <w16cid:commentId w16cid:paraId="1CEE81FD" w16cid:durableId="29AE7327"/>
</w16cid:commentsIds>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F07A1A8" w14:textId="77777777" w:rsidR="009F790D" w:rsidRDefault="009F790D" w:rsidP="00E56816">
      <w:pPr>
        <w:spacing w:line="240" w:lineRule="auto"/>
      </w:pPr>
      <w:r>
        <w:separator/>
      </w:r>
    </w:p>
  </w:endnote>
  <w:endnote w:type="continuationSeparator" w:id="0">
    <w:p w14:paraId="6D747462" w14:textId="77777777" w:rsidR="009F790D" w:rsidRDefault="009F790D" w:rsidP="00E56816">
      <w:pPr>
        <w:spacing w:line="240" w:lineRule="auto"/>
      </w:pPr>
      <w:r>
        <w:continuationSeparator/>
      </w:r>
    </w:p>
  </w:endnote>
  <w:endnote w:type="continuationNotice" w:id="1">
    <w:p w14:paraId="063BD81B" w14:textId="77777777" w:rsidR="009F790D" w:rsidRDefault="009F790D">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396276125"/>
      <w:docPartObj>
        <w:docPartGallery w:val="Page Numbers (Bottom of Page)"/>
        <w:docPartUnique/>
      </w:docPartObj>
    </w:sdtPr>
    <w:sdtEndPr>
      <w:rPr>
        <w:noProof/>
      </w:rPr>
    </w:sdtEndPr>
    <w:sdtContent>
      <w:p w14:paraId="66287CAD" w14:textId="2509D466" w:rsidR="004B6144" w:rsidRDefault="004B6144">
        <w:pPr>
          <w:pStyle w:val="Footer"/>
          <w:jc w:val="right"/>
        </w:pPr>
        <w:r>
          <w:fldChar w:fldCharType="begin"/>
        </w:r>
        <w:r>
          <w:instrText xml:space="preserve"> PAGE   \* MERGEFORMAT </w:instrText>
        </w:r>
        <w:r>
          <w:fldChar w:fldCharType="separate"/>
        </w:r>
        <w:r w:rsidR="00D55C4C">
          <w:rPr>
            <w:noProof/>
          </w:rPr>
          <w:t>13</w:t>
        </w:r>
        <w:r>
          <w:rPr>
            <w:noProof/>
          </w:rPr>
          <w:fldChar w:fldCharType="end"/>
        </w:r>
      </w:p>
    </w:sdtContent>
  </w:sdt>
  <w:p w14:paraId="2AF90510" w14:textId="77777777" w:rsidR="004B6144" w:rsidRDefault="004B6144">
    <w:pPr>
      <w:pStyle w:val="Footer"/>
    </w:pPr>
  </w:p>
  <w:p w14:paraId="6D8CCC13" w14:textId="109900F7" w:rsidR="004B6144" w:rsidRDefault="004B6144" w:rsidP="00C75012">
    <w:pPr>
      <w:pStyle w:val="Footer"/>
    </w:pPr>
    <w:r>
      <w:rPr>
        <w:sz w:val="16"/>
      </w:rPr>
      <w:fldChar w:fldCharType="begin"/>
    </w:r>
    <w:r>
      <w:rPr>
        <w:sz w:val="16"/>
      </w:rPr>
      <w:instrText xml:space="preserve"> </w:instrText>
    </w:r>
    <w:r w:rsidRPr="00C75012">
      <w:rPr>
        <w:sz w:val="16"/>
      </w:rPr>
      <w:instrText>IF "</w:instrText>
    </w:r>
    <w:r w:rsidRPr="00C75012">
      <w:rPr>
        <w:sz w:val="16"/>
      </w:rPr>
      <w:fldChar w:fldCharType="begin"/>
    </w:r>
    <w:r w:rsidRPr="00C75012">
      <w:rPr>
        <w:sz w:val="16"/>
      </w:rPr>
      <w:instrText xml:space="preserve"> DOCVARIABLE "SWDocIDLocation" </w:instrText>
    </w:r>
    <w:r w:rsidRPr="00C75012">
      <w:rPr>
        <w:sz w:val="16"/>
      </w:rPr>
      <w:fldChar w:fldCharType="separate"/>
    </w:r>
    <w:r>
      <w:rPr>
        <w:sz w:val="16"/>
      </w:rPr>
      <w:instrText>1</w:instrText>
    </w:r>
    <w:r w:rsidRPr="00C75012">
      <w:rPr>
        <w:sz w:val="16"/>
      </w:rPr>
      <w:fldChar w:fldCharType="end"/>
    </w:r>
    <w:r w:rsidRPr="00C75012">
      <w:rPr>
        <w:sz w:val="16"/>
      </w:rPr>
      <w:instrText>" = "1" "</w:instrText>
    </w:r>
    <w:r w:rsidRPr="00C75012">
      <w:rPr>
        <w:sz w:val="16"/>
      </w:rPr>
      <w:fldChar w:fldCharType="begin"/>
    </w:r>
    <w:r w:rsidRPr="00C75012">
      <w:rPr>
        <w:sz w:val="16"/>
      </w:rPr>
      <w:instrText xml:space="preserve"> DOCPROPERTY "SWDocID" </w:instrText>
    </w:r>
    <w:r w:rsidRPr="00C75012">
      <w:rPr>
        <w:sz w:val="16"/>
      </w:rPr>
      <w:fldChar w:fldCharType="separate"/>
    </w:r>
    <w:r>
      <w:rPr>
        <w:sz w:val="16"/>
      </w:rPr>
      <w:instrText>170102289v2</w:instrText>
    </w:r>
    <w:r w:rsidRPr="00C75012">
      <w:rPr>
        <w:sz w:val="16"/>
      </w:rPr>
      <w:fldChar w:fldCharType="end"/>
    </w:r>
    <w:r w:rsidRPr="00C75012">
      <w:rPr>
        <w:sz w:val="16"/>
      </w:rPr>
      <w:instrText>" ""</w:instrText>
    </w:r>
    <w:r>
      <w:rPr>
        <w:sz w:val="16"/>
      </w:rPr>
      <w:instrText xml:space="preserve"> </w:instrText>
    </w:r>
    <w:r w:rsidR="00D55C4C">
      <w:rPr>
        <w:sz w:val="16"/>
      </w:rPr>
      <w:fldChar w:fldCharType="separate"/>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966F580" w14:textId="77777777" w:rsidR="009F790D" w:rsidRDefault="009F790D" w:rsidP="00E56816">
      <w:pPr>
        <w:spacing w:line="240" w:lineRule="auto"/>
      </w:pPr>
      <w:r>
        <w:separator/>
      </w:r>
    </w:p>
  </w:footnote>
  <w:footnote w:type="continuationSeparator" w:id="0">
    <w:p w14:paraId="15C9AA1C" w14:textId="77777777" w:rsidR="009F790D" w:rsidRDefault="009F790D" w:rsidP="00E56816">
      <w:pPr>
        <w:spacing w:line="240" w:lineRule="auto"/>
      </w:pPr>
      <w:r>
        <w:continuationSeparator/>
      </w:r>
    </w:p>
  </w:footnote>
  <w:footnote w:type="continuationNotice" w:id="1">
    <w:p w14:paraId="46FF92E4" w14:textId="77777777" w:rsidR="009F790D" w:rsidRDefault="009F790D">
      <w:pPr>
        <w:spacing w:line="240" w:lineRule="auto"/>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9163AC5"/>
    <w:multiLevelType w:val="hybridMultilevel"/>
    <w:tmpl w:val="A27AC4D8"/>
    <w:lvl w:ilvl="0" w:tplc="56AA358C">
      <w:start w:val="1"/>
      <w:numFmt w:val="decimal"/>
      <w:lvlText w:val="%1&gt;"/>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3574737F"/>
    <w:multiLevelType w:val="hybridMultilevel"/>
    <w:tmpl w:val="6BE482A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43253069"/>
    <w:multiLevelType w:val="hybridMultilevel"/>
    <w:tmpl w:val="F2ECF11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63F21080"/>
    <w:multiLevelType w:val="hybridMultilevel"/>
    <w:tmpl w:val="16201A30"/>
    <w:lvl w:ilvl="0" w:tplc="6DE8DEBA">
      <w:numFmt w:val="bullet"/>
      <w:lvlText w:val=""/>
      <w:lvlJc w:val="left"/>
      <w:pPr>
        <w:ind w:left="720" w:hanging="360"/>
      </w:pPr>
      <w:rPr>
        <w:rFonts w:ascii="Symbol" w:eastAsiaTheme="minorHAnsi" w:hAnsi="Symbol" w:cstheme="minorBidi" w:hint="default"/>
      </w:rPr>
    </w:lvl>
    <w:lvl w:ilvl="1" w:tplc="4A726924" w:tentative="1">
      <w:start w:val="1"/>
      <w:numFmt w:val="bullet"/>
      <w:lvlText w:val="o"/>
      <w:lvlJc w:val="left"/>
      <w:pPr>
        <w:ind w:left="1440" w:hanging="360"/>
      </w:pPr>
      <w:rPr>
        <w:rFonts w:ascii="Courier New" w:hAnsi="Courier New" w:cs="Courier New" w:hint="default"/>
      </w:rPr>
    </w:lvl>
    <w:lvl w:ilvl="2" w:tplc="F672FD94" w:tentative="1">
      <w:start w:val="1"/>
      <w:numFmt w:val="bullet"/>
      <w:lvlText w:val=""/>
      <w:lvlJc w:val="left"/>
      <w:pPr>
        <w:ind w:left="2160" w:hanging="360"/>
      </w:pPr>
      <w:rPr>
        <w:rFonts w:ascii="Wingdings" w:hAnsi="Wingdings" w:hint="default"/>
      </w:rPr>
    </w:lvl>
    <w:lvl w:ilvl="3" w:tplc="9FF885B4" w:tentative="1">
      <w:start w:val="1"/>
      <w:numFmt w:val="bullet"/>
      <w:lvlText w:val=""/>
      <w:lvlJc w:val="left"/>
      <w:pPr>
        <w:ind w:left="2880" w:hanging="360"/>
      </w:pPr>
      <w:rPr>
        <w:rFonts w:ascii="Symbol" w:hAnsi="Symbol" w:hint="default"/>
      </w:rPr>
    </w:lvl>
    <w:lvl w:ilvl="4" w:tplc="B8DEC754" w:tentative="1">
      <w:start w:val="1"/>
      <w:numFmt w:val="bullet"/>
      <w:lvlText w:val="o"/>
      <w:lvlJc w:val="left"/>
      <w:pPr>
        <w:ind w:left="3600" w:hanging="360"/>
      </w:pPr>
      <w:rPr>
        <w:rFonts w:ascii="Courier New" w:hAnsi="Courier New" w:cs="Courier New" w:hint="default"/>
      </w:rPr>
    </w:lvl>
    <w:lvl w:ilvl="5" w:tplc="6AB62016" w:tentative="1">
      <w:start w:val="1"/>
      <w:numFmt w:val="bullet"/>
      <w:lvlText w:val=""/>
      <w:lvlJc w:val="left"/>
      <w:pPr>
        <w:ind w:left="4320" w:hanging="360"/>
      </w:pPr>
      <w:rPr>
        <w:rFonts w:ascii="Wingdings" w:hAnsi="Wingdings" w:hint="default"/>
      </w:rPr>
    </w:lvl>
    <w:lvl w:ilvl="6" w:tplc="5EAEAD76" w:tentative="1">
      <w:start w:val="1"/>
      <w:numFmt w:val="bullet"/>
      <w:lvlText w:val=""/>
      <w:lvlJc w:val="left"/>
      <w:pPr>
        <w:ind w:left="5040" w:hanging="360"/>
      </w:pPr>
      <w:rPr>
        <w:rFonts w:ascii="Symbol" w:hAnsi="Symbol" w:hint="default"/>
      </w:rPr>
    </w:lvl>
    <w:lvl w:ilvl="7" w:tplc="30BE3166" w:tentative="1">
      <w:start w:val="1"/>
      <w:numFmt w:val="bullet"/>
      <w:lvlText w:val="o"/>
      <w:lvlJc w:val="left"/>
      <w:pPr>
        <w:ind w:left="5760" w:hanging="360"/>
      </w:pPr>
      <w:rPr>
        <w:rFonts w:ascii="Courier New" w:hAnsi="Courier New" w:cs="Courier New" w:hint="default"/>
      </w:rPr>
    </w:lvl>
    <w:lvl w:ilvl="8" w:tplc="841E1C24" w:tentative="1">
      <w:start w:val="1"/>
      <w:numFmt w:val="bullet"/>
      <w:lvlText w:val=""/>
      <w:lvlJc w:val="left"/>
      <w:pPr>
        <w:ind w:left="6480" w:hanging="360"/>
      </w:pPr>
      <w:rPr>
        <w:rFonts w:ascii="Wingdings" w:hAnsi="Wingdings" w:hint="default"/>
      </w:rPr>
    </w:lvl>
  </w:abstractNum>
  <w:abstractNum w:abstractNumId="4" w15:restartNumberingAfterBreak="0">
    <w:nsid w:val="6E7E2856"/>
    <w:multiLevelType w:val="hybridMultilevel"/>
    <w:tmpl w:val="3EACA862"/>
    <w:lvl w:ilvl="0" w:tplc="C5E442E2">
      <w:numFmt w:val="bullet"/>
      <w:lvlText w:val=""/>
      <w:lvlJc w:val="left"/>
      <w:pPr>
        <w:ind w:left="720" w:hanging="360"/>
      </w:pPr>
      <w:rPr>
        <w:rFonts w:ascii="Symbol" w:eastAsiaTheme="minorHAnsi" w:hAnsi="Symbol" w:cstheme="minorBidi" w:hint="default"/>
      </w:rPr>
    </w:lvl>
    <w:lvl w:ilvl="1" w:tplc="4AE6AB32" w:tentative="1">
      <w:start w:val="1"/>
      <w:numFmt w:val="bullet"/>
      <w:lvlText w:val="o"/>
      <w:lvlJc w:val="left"/>
      <w:pPr>
        <w:ind w:left="1440" w:hanging="360"/>
      </w:pPr>
      <w:rPr>
        <w:rFonts w:ascii="Courier New" w:hAnsi="Courier New" w:cs="Courier New" w:hint="default"/>
      </w:rPr>
    </w:lvl>
    <w:lvl w:ilvl="2" w:tplc="0BB46E86" w:tentative="1">
      <w:start w:val="1"/>
      <w:numFmt w:val="bullet"/>
      <w:lvlText w:val=""/>
      <w:lvlJc w:val="left"/>
      <w:pPr>
        <w:ind w:left="2160" w:hanging="360"/>
      </w:pPr>
      <w:rPr>
        <w:rFonts w:ascii="Wingdings" w:hAnsi="Wingdings" w:hint="default"/>
      </w:rPr>
    </w:lvl>
    <w:lvl w:ilvl="3" w:tplc="A6FA68B8" w:tentative="1">
      <w:start w:val="1"/>
      <w:numFmt w:val="bullet"/>
      <w:lvlText w:val=""/>
      <w:lvlJc w:val="left"/>
      <w:pPr>
        <w:ind w:left="2880" w:hanging="360"/>
      </w:pPr>
      <w:rPr>
        <w:rFonts w:ascii="Symbol" w:hAnsi="Symbol" w:hint="default"/>
      </w:rPr>
    </w:lvl>
    <w:lvl w:ilvl="4" w:tplc="D5D8461A" w:tentative="1">
      <w:start w:val="1"/>
      <w:numFmt w:val="bullet"/>
      <w:lvlText w:val="o"/>
      <w:lvlJc w:val="left"/>
      <w:pPr>
        <w:ind w:left="3600" w:hanging="360"/>
      </w:pPr>
      <w:rPr>
        <w:rFonts w:ascii="Courier New" w:hAnsi="Courier New" w:cs="Courier New" w:hint="default"/>
      </w:rPr>
    </w:lvl>
    <w:lvl w:ilvl="5" w:tplc="AFCA6066" w:tentative="1">
      <w:start w:val="1"/>
      <w:numFmt w:val="bullet"/>
      <w:lvlText w:val=""/>
      <w:lvlJc w:val="left"/>
      <w:pPr>
        <w:ind w:left="4320" w:hanging="360"/>
      </w:pPr>
      <w:rPr>
        <w:rFonts w:ascii="Wingdings" w:hAnsi="Wingdings" w:hint="default"/>
      </w:rPr>
    </w:lvl>
    <w:lvl w:ilvl="6" w:tplc="ADA2C23C" w:tentative="1">
      <w:start w:val="1"/>
      <w:numFmt w:val="bullet"/>
      <w:lvlText w:val=""/>
      <w:lvlJc w:val="left"/>
      <w:pPr>
        <w:ind w:left="5040" w:hanging="360"/>
      </w:pPr>
      <w:rPr>
        <w:rFonts w:ascii="Symbol" w:hAnsi="Symbol" w:hint="default"/>
      </w:rPr>
    </w:lvl>
    <w:lvl w:ilvl="7" w:tplc="11F07C38" w:tentative="1">
      <w:start w:val="1"/>
      <w:numFmt w:val="bullet"/>
      <w:lvlText w:val="o"/>
      <w:lvlJc w:val="left"/>
      <w:pPr>
        <w:ind w:left="5760" w:hanging="360"/>
      </w:pPr>
      <w:rPr>
        <w:rFonts w:ascii="Courier New" w:hAnsi="Courier New" w:cs="Courier New" w:hint="default"/>
      </w:rPr>
    </w:lvl>
    <w:lvl w:ilvl="8" w:tplc="F1968E20" w:tentative="1">
      <w:start w:val="1"/>
      <w:numFmt w:val="bullet"/>
      <w:lvlText w:val=""/>
      <w:lvlJc w:val="left"/>
      <w:pPr>
        <w:ind w:left="6480" w:hanging="360"/>
      </w:pPr>
      <w:rPr>
        <w:rFonts w:ascii="Wingdings" w:hAnsi="Wingdings" w:hint="default"/>
      </w:rPr>
    </w:lvl>
  </w:abstractNum>
  <w:abstractNum w:abstractNumId="5" w15:restartNumberingAfterBreak="0">
    <w:nsid w:val="7ED57DAC"/>
    <w:multiLevelType w:val="multilevel"/>
    <w:tmpl w:val="8518587E"/>
    <w:lvl w:ilvl="0">
      <w:start w:val="33"/>
      <w:numFmt w:val="decimal"/>
      <w:lvlText w:val="%1"/>
      <w:lvlJc w:val="left"/>
      <w:pPr>
        <w:ind w:left="645" w:hanging="645"/>
      </w:pPr>
      <w:rPr>
        <w:rFonts w:hint="default"/>
      </w:rPr>
    </w:lvl>
    <w:lvl w:ilvl="1">
      <w:start w:val="26"/>
      <w:numFmt w:val="decimal"/>
      <w:lvlText w:val="%1.%2"/>
      <w:lvlJc w:val="left"/>
      <w:pPr>
        <w:ind w:left="645" w:hanging="645"/>
      </w:pPr>
      <w:rPr>
        <w:rFonts w:hint="default"/>
      </w:rPr>
    </w:lvl>
    <w:lvl w:ilvl="2">
      <w:start w:val="6"/>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4"/>
  </w:num>
  <w:num w:numId="2">
    <w:abstractNumId w:val="3"/>
  </w:num>
  <w:num w:numId="3">
    <w:abstractNumId w:val="5"/>
  </w:num>
  <w:num w:numId="4">
    <w:abstractNumId w:val="2"/>
  </w:num>
  <w:num w:numId="5">
    <w:abstractNumId w:val="0"/>
  </w:num>
  <w:num w:numId="6">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PersonalInformation/>
  <w:removeDateAndTime/>
  <w:defaultTabStop w:val="720"/>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521673"/>
    <w:rsid w:val="00001BF8"/>
    <w:rsid w:val="0000650C"/>
    <w:rsid w:val="000108A9"/>
    <w:rsid w:val="00017166"/>
    <w:rsid w:val="0002042E"/>
    <w:rsid w:val="00021E1E"/>
    <w:rsid w:val="000226BB"/>
    <w:rsid w:val="00033BF4"/>
    <w:rsid w:val="00040303"/>
    <w:rsid w:val="000438F0"/>
    <w:rsid w:val="00070A68"/>
    <w:rsid w:val="0007117A"/>
    <w:rsid w:val="00074ABB"/>
    <w:rsid w:val="00074D22"/>
    <w:rsid w:val="00080A4E"/>
    <w:rsid w:val="000846A3"/>
    <w:rsid w:val="000A5245"/>
    <w:rsid w:val="000B4B94"/>
    <w:rsid w:val="000D1D29"/>
    <w:rsid w:val="000D4BAE"/>
    <w:rsid w:val="000D64A8"/>
    <w:rsid w:val="000F10EC"/>
    <w:rsid w:val="00114C78"/>
    <w:rsid w:val="00116ADA"/>
    <w:rsid w:val="00132812"/>
    <w:rsid w:val="0014046B"/>
    <w:rsid w:val="00145500"/>
    <w:rsid w:val="001516B2"/>
    <w:rsid w:val="00151C9A"/>
    <w:rsid w:val="00157EA5"/>
    <w:rsid w:val="001610AC"/>
    <w:rsid w:val="001617DB"/>
    <w:rsid w:val="00172DBE"/>
    <w:rsid w:val="00174AD0"/>
    <w:rsid w:val="00190421"/>
    <w:rsid w:val="001B0CBD"/>
    <w:rsid w:val="001D37C5"/>
    <w:rsid w:val="001D7F0D"/>
    <w:rsid w:val="001E1922"/>
    <w:rsid w:val="001E1FED"/>
    <w:rsid w:val="001E67E2"/>
    <w:rsid w:val="001F0747"/>
    <w:rsid w:val="00206F2F"/>
    <w:rsid w:val="0021276E"/>
    <w:rsid w:val="0021323A"/>
    <w:rsid w:val="00225D40"/>
    <w:rsid w:val="002427EF"/>
    <w:rsid w:val="00245241"/>
    <w:rsid w:val="002546FA"/>
    <w:rsid w:val="00263899"/>
    <w:rsid w:val="002745FE"/>
    <w:rsid w:val="002B41DB"/>
    <w:rsid w:val="002B69CA"/>
    <w:rsid w:val="002C2793"/>
    <w:rsid w:val="002E02CD"/>
    <w:rsid w:val="002E21C8"/>
    <w:rsid w:val="002E63D9"/>
    <w:rsid w:val="002E7F10"/>
    <w:rsid w:val="002F2EB0"/>
    <w:rsid w:val="002F3527"/>
    <w:rsid w:val="002F479F"/>
    <w:rsid w:val="002F73D9"/>
    <w:rsid w:val="003135E2"/>
    <w:rsid w:val="00332E33"/>
    <w:rsid w:val="00334FC9"/>
    <w:rsid w:val="00342AE2"/>
    <w:rsid w:val="0038063D"/>
    <w:rsid w:val="003930A4"/>
    <w:rsid w:val="00394A28"/>
    <w:rsid w:val="003B2B99"/>
    <w:rsid w:val="003B551A"/>
    <w:rsid w:val="003C6793"/>
    <w:rsid w:val="003E437B"/>
    <w:rsid w:val="003F3A73"/>
    <w:rsid w:val="003F4C6B"/>
    <w:rsid w:val="003F4FE4"/>
    <w:rsid w:val="0040578C"/>
    <w:rsid w:val="004064E4"/>
    <w:rsid w:val="004219CF"/>
    <w:rsid w:val="004226A7"/>
    <w:rsid w:val="0043118E"/>
    <w:rsid w:val="00441C24"/>
    <w:rsid w:val="004537E8"/>
    <w:rsid w:val="00455E6F"/>
    <w:rsid w:val="0045762B"/>
    <w:rsid w:val="004A2AA7"/>
    <w:rsid w:val="004B08F5"/>
    <w:rsid w:val="004B5ABC"/>
    <w:rsid w:val="004B6144"/>
    <w:rsid w:val="004D2867"/>
    <w:rsid w:val="004D474E"/>
    <w:rsid w:val="004F4196"/>
    <w:rsid w:val="00502D35"/>
    <w:rsid w:val="005036DD"/>
    <w:rsid w:val="00521673"/>
    <w:rsid w:val="00522CCC"/>
    <w:rsid w:val="00530B10"/>
    <w:rsid w:val="00536037"/>
    <w:rsid w:val="005512C0"/>
    <w:rsid w:val="0055781F"/>
    <w:rsid w:val="00557B38"/>
    <w:rsid w:val="005613C9"/>
    <w:rsid w:val="00565FC0"/>
    <w:rsid w:val="00582078"/>
    <w:rsid w:val="00583F3C"/>
    <w:rsid w:val="0058564F"/>
    <w:rsid w:val="0059005F"/>
    <w:rsid w:val="0059011A"/>
    <w:rsid w:val="005A18ED"/>
    <w:rsid w:val="005A5121"/>
    <w:rsid w:val="005B5EB7"/>
    <w:rsid w:val="005C13E6"/>
    <w:rsid w:val="005D2570"/>
    <w:rsid w:val="005D285C"/>
    <w:rsid w:val="005D4C9B"/>
    <w:rsid w:val="005F51C7"/>
    <w:rsid w:val="00611F8F"/>
    <w:rsid w:val="00614544"/>
    <w:rsid w:val="00623EFF"/>
    <w:rsid w:val="00630E23"/>
    <w:rsid w:val="00636FE2"/>
    <w:rsid w:val="00651998"/>
    <w:rsid w:val="00661844"/>
    <w:rsid w:val="006667FF"/>
    <w:rsid w:val="006672BE"/>
    <w:rsid w:val="00675326"/>
    <w:rsid w:val="00680CCD"/>
    <w:rsid w:val="006929F5"/>
    <w:rsid w:val="006C5E6A"/>
    <w:rsid w:val="006D51E4"/>
    <w:rsid w:val="006D5ED2"/>
    <w:rsid w:val="006E222A"/>
    <w:rsid w:val="00702DBE"/>
    <w:rsid w:val="007118C5"/>
    <w:rsid w:val="007120B5"/>
    <w:rsid w:val="00716AB9"/>
    <w:rsid w:val="00731516"/>
    <w:rsid w:val="00751FAF"/>
    <w:rsid w:val="00765A6F"/>
    <w:rsid w:val="0076675C"/>
    <w:rsid w:val="00775FB6"/>
    <w:rsid w:val="00780B4E"/>
    <w:rsid w:val="0078317F"/>
    <w:rsid w:val="00794C7B"/>
    <w:rsid w:val="00795A5E"/>
    <w:rsid w:val="0079718A"/>
    <w:rsid w:val="007D3937"/>
    <w:rsid w:val="007F0BC3"/>
    <w:rsid w:val="00801091"/>
    <w:rsid w:val="00801894"/>
    <w:rsid w:val="00802236"/>
    <w:rsid w:val="008052BC"/>
    <w:rsid w:val="00811523"/>
    <w:rsid w:val="00816A6D"/>
    <w:rsid w:val="0082340E"/>
    <w:rsid w:val="00844DEF"/>
    <w:rsid w:val="0084560A"/>
    <w:rsid w:val="008463D3"/>
    <w:rsid w:val="00856028"/>
    <w:rsid w:val="00860F50"/>
    <w:rsid w:val="0086455E"/>
    <w:rsid w:val="008A1E60"/>
    <w:rsid w:val="008B10B5"/>
    <w:rsid w:val="008B1BDD"/>
    <w:rsid w:val="008B4CDE"/>
    <w:rsid w:val="008C15B3"/>
    <w:rsid w:val="008D1E70"/>
    <w:rsid w:val="008F529B"/>
    <w:rsid w:val="008F609A"/>
    <w:rsid w:val="00904845"/>
    <w:rsid w:val="00905178"/>
    <w:rsid w:val="00927F88"/>
    <w:rsid w:val="00931A6A"/>
    <w:rsid w:val="009365CD"/>
    <w:rsid w:val="00940D72"/>
    <w:rsid w:val="009450BB"/>
    <w:rsid w:val="00954D36"/>
    <w:rsid w:val="00954F1D"/>
    <w:rsid w:val="0097444C"/>
    <w:rsid w:val="00981F7C"/>
    <w:rsid w:val="0098364A"/>
    <w:rsid w:val="00986665"/>
    <w:rsid w:val="0099462E"/>
    <w:rsid w:val="00996B01"/>
    <w:rsid w:val="009A3DA7"/>
    <w:rsid w:val="009D0A4D"/>
    <w:rsid w:val="009E5C7C"/>
    <w:rsid w:val="009F305D"/>
    <w:rsid w:val="009F790D"/>
    <w:rsid w:val="00A04273"/>
    <w:rsid w:val="00A07071"/>
    <w:rsid w:val="00A103D3"/>
    <w:rsid w:val="00A10A32"/>
    <w:rsid w:val="00A159BE"/>
    <w:rsid w:val="00A33A99"/>
    <w:rsid w:val="00A40CEF"/>
    <w:rsid w:val="00A419D8"/>
    <w:rsid w:val="00A41EA4"/>
    <w:rsid w:val="00A927E3"/>
    <w:rsid w:val="00A9536D"/>
    <w:rsid w:val="00A96C5B"/>
    <w:rsid w:val="00AA7FC9"/>
    <w:rsid w:val="00AB23C2"/>
    <w:rsid w:val="00AB43FF"/>
    <w:rsid w:val="00AC0CC1"/>
    <w:rsid w:val="00AC2E37"/>
    <w:rsid w:val="00AC6511"/>
    <w:rsid w:val="00AD0CB2"/>
    <w:rsid w:val="00AD2750"/>
    <w:rsid w:val="00AE328A"/>
    <w:rsid w:val="00AE73C7"/>
    <w:rsid w:val="00AF4C3B"/>
    <w:rsid w:val="00B0247B"/>
    <w:rsid w:val="00B042C7"/>
    <w:rsid w:val="00B0684B"/>
    <w:rsid w:val="00B2709D"/>
    <w:rsid w:val="00B271F7"/>
    <w:rsid w:val="00B3129D"/>
    <w:rsid w:val="00B40A04"/>
    <w:rsid w:val="00B60C52"/>
    <w:rsid w:val="00B773DE"/>
    <w:rsid w:val="00B834E8"/>
    <w:rsid w:val="00B92CB2"/>
    <w:rsid w:val="00BA6CF3"/>
    <w:rsid w:val="00BB3BC8"/>
    <w:rsid w:val="00BF14E8"/>
    <w:rsid w:val="00BF1CE6"/>
    <w:rsid w:val="00BF2D42"/>
    <w:rsid w:val="00C06E77"/>
    <w:rsid w:val="00C17534"/>
    <w:rsid w:val="00C360FA"/>
    <w:rsid w:val="00C37AC8"/>
    <w:rsid w:val="00C43356"/>
    <w:rsid w:val="00C45F38"/>
    <w:rsid w:val="00C656CA"/>
    <w:rsid w:val="00C66159"/>
    <w:rsid w:val="00C66ED8"/>
    <w:rsid w:val="00C7147F"/>
    <w:rsid w:val="00C734DD"/>
    <w:rsid w:val="00C74655"/>
    <w:rsid w:val="00C75012"/>
    <w:rsid w:val="00C76CCB"/>
    <w:rsid w:val="00C93D06"/>
    <w:rsid w:val="00CC6DAF"/>
    <w:rsid w:val="00CE56B8"/>
    <w:rsid w:val="00D003CF"/>
    <w:rsid w:val="00D03123"/>
    <w:rsid w:val="00D03F76"/>
    <w:rsid w:val="00D0701C"/>
    <w:rsid w:val="00D145A6"/>
    <w:rsid w:val="00D17626"/>
    <w:rsid w:val="00D243BE"/>
    <w:rsid w:val="00D300AA"/>
    <w:rsid w:val="00D354F8"/>
    <w:rsid w:val="00D55C4C"/>
    <w:rsid w:val="00D65603"/>
    <w:rsid w:val="00D76F3D"/>
    <w:rsid w:val="00D917DE"/>
    <w:rsid w:val="00DA07C1"/>
    <w:rsid w:val="00DA0ABC"/>
    <w:rsid w:val="00DA5E84"/>
    <w:rsid w:val="00DC5884"/>
    <w:rsid w:val="00DD0A5B"/>
    <w:rsid w:val="00DE520A"/>
    <w:rsid w:val="00DF5D9A"/>
    <w:rsid w:val="00DF6D0C"/>
    <w:rsid w:val="00E31DD2"/>
    <w:rsid w:val="00E339BE"/>
    <w:rsid w:val="00E37DB1"/>
    <w:rsid w:val="00E4102E"/>
    <w:rsid w:val="00E55749"/>
    <w:rsid w:val="00E559B3"/>
    <w:rsid w:val="00E56816"/>
    <w:rsid w:val="00E601F8"/>
    <w:rsid w:val="00E75699"/>
    <w:rsid w:val="00E8275A"/>
    <w:rsid w:val="00E85B30"/>
    <w:rsid w:val="00EA100D"/>
    <w:rsid w:val="00EA1565"/>
    <w:rsid w:val="00EB7F82"/>
    <w:rsid w:val="00ED6276"/>
    <w:rsid w:val="00EE35D8"/>
    <w:rsid w:val="00EF548E"/>
    <w:rsid w:val="00F021B5"/>
    <w:rsid w:val="00F05BC3"/>
    <w:rsid w:val="00F06083"/>
    <w:rsid w:val="00F068A5"/>
    <w:rsid w:val="00F15022"/>
    <w:rsid w:val="00F3568D"/>
    <w:rsid w:val="00F35B6D"/>
    <w:rsid w:val="00F544DF"/>
    <w:rsid w:val="00F76B8C"/>
    <w:rsid w:val="00F8251E"/>
    <w:rsid w:val="00F92777"/>
    <w:rsid w:val="00FB7CB7"/>
    <w:rsid w:val="00FB7CEF"/>
    <w:rsid w:val="00FC3BE9"/>
    <w:rsid w:val="00FE21B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39DF41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521673"/>
    <w:pPr>
      <w:widowControl w:val="0"/>
      <w:spacing w:after="0" w:line="480" w:lineRule="auto"/>
      <w:contextualSpacing/>
    </w:pPr>
    <w:rPr>
      <w:rFonts w:ascii="Arial" w:hAnsi="Arial"/>
      <w:sz w:val="20"/>
    </w:rPr>
  </w:style>
  <w:style w:type="paragraph" w:styleId="Heading1">
    <w:name w:val="heading 1"/>
    <w:basedOn w:val="Normal"/>
    <w:next w:val="Normal"/>
    <w:link w:val="Heading1Char"/>
    <w:uiPriority w:val="9"/>
    <w:qFormat/>
    <w:rsid w:val="00017166"/>
    <w:pPr>
      <w:outlineLvl w:val="0"/>
    </w:pPr>
    <w:rPr>
      <w:rFonts w:eastAsiaTheme="majorEastAsia" w:cstheme="majorBidi"/>
      <w:b/>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017166"/>
    <w:pPr>
      <w:ind w:left="720"/>
    </w:pPr>
  </w:style>
  <w:style w:type="character" w:customStyle="1" w:styleId="Heading1Char">
    <w:name w:val="Heading 1 Char"/>
    <w:basedOn w:val="DefaultParagraphFont"/>
    <w:link w:val="Heading1"/>
    <w:uiPriority w:val="9"/>
    <w:rsid w:val="00017166"/>
    <w:rPr>
      <w:rFonts w:ascii="Arial" w:eastAsiaTheme="majorEastAsia" w:hAnsi="Arial" w:cstheme="majorBidi"/>
      <w:b/>
      <w:sz w:val="20"/>
      <w:szCs w:val="32"/>
    </w:rPr>
  </w:style>
  <w:style w:type="paragraph" w:styleId="BalloonText">
    <w:name w:val="Balloon Text"/>
    <w:basedOn w:val="Normal"/>
    <w:link w:val="BalloonTextChar"/>
    <w:uiPriority w:val="99"/>
    <w:semiHidden/>
    <w:unhideWhenUsed/>
    <w:rsid w:val="00630E23"/>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630E23"/>
    <w:rPr>
      <w:rFonts w:ascii="Segoe UI" w:hAnsi="Segoe UI" w:cs="Segoe UI"/>
      <w:sz w:val="18"/>
      <w:szCs w:val="18"/>
    </w:rPr>
  </w:style>
  <w:style w:type="character" w:styleId="CommentReference">
    <w:name w:val="annotation reference"/>
    <w:basedOn w:val="DefaultParagraphFont"/>
    <w:uiPriority w:val="99"/>
    <w:semiHidden/>
    <w:unhideWhenUsed/>
    <w:rsid w:val="00502D35"/>
    <w:rPr>
      <w:sz w:val="16"/>
      <w:szCs w:val="16"/>
    </w:rPr>
  </w:style>
  <w:style w:type="paragraph" w:styleId="CommentText">
    <w:name w:val="annotation text"/>
    <w:basedOn w:val="Normal"/>
    <w:link w:val="CommentTextChar"/>
    <w:uiPriority w:val="99"/>
    <w:unhideWhenUsed/>
    <w:rsid w:val="00582078"/>
    <w:pPr>
      <w:spacing w:line="240" w:lineRule="auto"/>
    </w:pPr>
    <w:rPr>
      <w:szCs w:val="20"/>
    </w:rPr>
  </w:style>
  <w:style w:type="character" w:customStyle="1" w:styleId="CommentTextChar">
    <w:name w:val="Comment Text Char"/>
    <w:basedOn w:val="DefaultParagraphFont"/>
    <w:link w:val="CommentText"/>
    <w:uiPriority w:val="99"/>
    <w:rsid w:val="00502D35"/>
    <w:rPr>
      <w:rFonts w:ascii="Arial" w:hAnsi="Arial"/>
      <w:sz w:val="20"/>
      <w:szCs w:val="20"/>
    </w:rPr>
  </w:style>
  <w:style w:type="paragraph" w:styleId="CommentSubject">
    <w:name w:val="annotation subject"/>
    <w:basedOn w:val="CommentText"/>
    <w:next w:val="CommentText"/>
    <w:link w:val="CommentSubjectChar"/>
    <w:uiPriority w:val="99"/>
    <w:semiHidden/>
    <w:unhideWhenUsed/>
    <w:rsid w:val="00502D35"/>
    <w:rPr>
      <w:b/>
      <w:bCs/>
    </w:rPr>
  </w:style>
  <w:style w:type="character" w:customStyle="1" w:styleId="CommentSubjectChar">
    <w:name w:val="Comment Subject Char"/>
    <w:basedOn w:val="CommentTextChar"/>
    <w:link w:val="CommentSubject"/>
    <w:uiPriority w:val="99"/>
    <w:semiHidden/>
    <w:rsid w:val="00502D35"/>
    <w:rPr>
      <w:rFonts w:ascii="Arial" w:hAnsi="Arial"/>
      <w:b/>
      <w:bCs/>
      <w:sz w:val="20"/>
      <w:szCs w:val="20"/>
    </w:rPr>
  </w:style>
  <w:style w:type="paragraph" w:styleId="Revision">
    <w:name w:val="Revision"/>
    <w:hidden/>
    <w:uiPriority w:val="99"/>
    <w:semiHidden/>
    <w:rsid w:val="00C45F38"/>
    <w:pPr>
      <w:spacing w:after="0" w:line="240" w:lineRule="auto"/>
    </w:pPr>
    <w:rPr>
      <w:rFonts w:ascii="Arial" w:hAnsi="Arial"/>
      <w:sz w:val="20"/>
    </w:rPr>
  </w:style>
  <w:style w:type="paragraph" w:styleId="Header">
    <w:name w:val="header"/>
    <w:basedOn w:val="Normal"/>
    <w:link w:val="HeaderChar"/>
    <w:uiPriority w:val="99"/>
    <w:unhideWhenUsed/>
    <w:rsid w:val="00E56816"/>
    <w:pPr>
      <w:tabs>
        <w:tab w:val="center" w:pos="4680"/>
        <w:tab w:val="right" w:pos="9360"/>
      </w:tabs>
      <w:spacing w:line="240" w:lineRule="auto"/>
    </w:pPr>
  </w:style>
  <w:style w:type="character" w:customStyle="1" w:styleId="HeaderChar">
    <w:name w:val="Header Char"/>
    <w:basedOn w:val="DefaultParagraphFont"/>
    <w:link w:val="Header"/>
    <w:uiPriority w:val="99"/>
    <w:rsid w:val="00E56816"/>
    <w:rPr>
      <w:rFonts w:ascii="Arial" w:hAnsi="Arial"/>
      <w:sz w:val="20"/>
    </w:rPr>
  </w:style>
  <w:style w:type="paragraph" w:styleId="Footer">
    <w:name w:val="footer"/>
    <w:basedOn w:val="Normal"/>
    <w:link w:val="FooterChar"/>
    <w:uiPriority w:val="99"/>
    <w:unhideWhenUsed/>
    <w:rsid w:val="00E56816"/>
    <w:pPr>
      <w:tabs>
        <w:tab w:val="center" w:pos="4680"/>
        <w:tab w:val="right" w:pos="9360"/>
      </w:tabs>
      <w:spacing w:line="240" w:lineRule="auto"/>
    </w:pPr>
  </w:style>
  <w:style w:type="character" w:customStyle="1" w:styleId="FooterChar">
    <w:name w:val="Footer Char"/>
    <w:basedOn w:val="DefaultParagraphFont"/>
    <w:link w:val="Footer"/>
    <w:uiPriority w:val="99"/>
    <w:rsid w:val="00E56816"/>
    <w:rPr>
      <w:rFonts w:ascii="Arial" w:hAnsi="Arial"/>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573587269">
      <w:bodyDiv w:val="1"/>
      <w:marLeft w:val="0"/>
      <w:marRight w:val="0"/>
      <w:marTop w:val="0"/>
      <w:marBottom w:val="0"/>
      <w:divBdr>
        <w:top w:val="none" w:sz="0" w:space="0" w:color="auto"/>
        <w:left w:val="none" w:sz="0" w:space="0" w:color="auto"/>
        <w:bottom w:val="none" w:sz="0" w:space="0" w:color="auto"/>
        <w:right w:val="none" w:sz="0" w:space="0" w:color="auto"/>
      </w:divBdr>
    </w:div>
    <w:div w:id="1836873304">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webSettings" Target="webSettings.xml"/><Relationship Id="rId18" Type="http://schemas.openxmlformats.org/officeDocument/2006/relationships/theme" Target="theme/theme1.xml"/><Relationship Id="rId3" Type="http://schemas.openxmlformats.org/officeDocument/2006/relationships/customXml" Target="../customXml/item3.xml"/><Relationship Id="rId21" Type="http://schemas.microsoft.com/office/2018/08/relationships/commentsExtensible" Target="commentsExtensible.xml"/><Relationship Id="rId7" Type="http://schemas.openxmlformats.org/officeDocument/2006/relationships/customXml" Target="../customXml/item7.xml"/><Relationship Id="rId12" Type="http://schemas.openxmlformats.org/officeDocument/2006/relationships/settings" Target="settings.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1.xml"/><Relationship Id="rId20" Type="http://schemas.microsoft.com/office/2016/09/relationships/commentsIds" Target="commentsIds.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styles" Target="styles.xml"/><Relationship Id="rId5" Type="http://schemas.openxmlformats.org/officeDocument/2006/relationships/customXml" Target="../customXml/item5.xml"/><Relationship Id="rId15" Type="http://schemas.openxmlformats.org/officeDocument/2006/relationships/endnotes" Target="endnotes.xml"/><Relationship Id="rId10" Type="http://schemas.openxmlformats.org/officeDocument/2006/relationships/numbering" Target="numbering.xml"/><Relationship Id="rId14" Type="http://schemas.openxmlformats.org/officeDocument/2006/relationships/footnotes" Target="footnotes.xml"/><Relationship Id="rId9" Type="http://schemas.openxmlformats.org/officeDocument/2006/relationships/customXml" Target="../customXml/item9.xml"/></Relationships>
</file>

<file path=word/theme/theme1.xml><?xml version="1.0" encoding="utf-8"?>
<a:theme xmlns:a="http://schemas.openxmlformats.org/drawingml/2006/main" name="Office Theme">
  <a:themeElements>
    <a:clrScheme name="ISO Color Palette">
      <a:dk1>
        <a:sysClr val="windowText" lastClr="000000"/>
      </a:dk1>
      <a:lt1>
        <a:sysClr val="window" lastClr="FFFFFF"/>
      </a:lt1>
      <a:dk2>
        <a:srgbClr val="000000"/>
      </a:dk2>
      <a:lt2>
        <a:srgbClr val="FFFFFF"/>
      </a:lt2>
      <a:accent1>
        <a:srgbClr val="4F758B"/>
      </a:accent1>
      <a:accent2>
        <a:srgbClr val="D1631F"/>
      </a:accent2>
      <a:accent3>
        <a:srgbClr val="827A04"/>
      </a:accent3>
      <a:accent4>
        <a:srgbClr val="FFC000"/>
      </a:accent4>
      <a:accent5>
        <a:srgbClr val="963821"/>
      </a:accent5>
      <a:accent6>
        <a:srgbClr val="90C94B"/>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mso-contentType ?>
<FormTemplates xmlns="http://schemas.microsoft.com/sharepoint/v3/contenttype/forms"/>
</file>

<file path=customXml/item3.xml><?xml version="1.0" encoding="utf-8"?>
<p:properties xmlns:p="http://schemas.microsoft.com/office/2006/metadata/properties" xmlns:xsi="http://www.w3.org/2001/XMLSchema-instance" xmlns:pc="http://schemas.microsoft.com/office/infopath/2007/PartnerControls">
  <documentManagement>
    <TaxCatchAll xmlns="2e64aaae-efe8-4b36-9ab4-486f04499e09"/>
    <CSMeta2010Field xmlns="http://schemas.microsoft.com/sharepoint/v3" xsi:nil="true"/>
    <Date_x0020_Became_x0020_Record xmlns="dcc7e218-8b47-4273-ba28-07719656e1ad">2024-04-02T01:16:55+00:00</Date_x0020_Became_x0020_Record>
    <Division xmlns="dcc7e218-8b47-4273-ba28-07719656e1ad">General Counsel</Division>
    <InfoSec_x0020_Classification xmlns="dcc7e218-8b47-4273-ba28-07719656e1ad">Privileged and Confidential. (Legal Use Only).</InfoSec_x0020_Classification>
    <Doc_x0020_Status xmlns="c21bdecf-9e2c-4c41-a449-550529a26489">Draft</Doc_x0020_Status>
    <ISO_x0020_Department xmlns="dcc7e218-8b47-4273-ba28-07719656e1ad">Legal</ISO_x0020_Department>
    <ac6042663e6544a5b5f6c47baa21cbec xmlns="2e64aaae-efe8-4b36-9ab4-486f04499e09">
      <Terms xmlns="http://schemas.microsoft.com/office/infopath/2007/PartnerControls"/>
    </ac6042663e6544a5b5f6c47baa21cbec>
    <mb7a63be961241008d728fcf8db72869 xmlns="2e64aaae-efe8-4b36-9ab4-486f04499e09">
      <Terms xmlns="http://schemas.microsoft.com/office/infopath/2007/PartnerControls"/>
    </mb7a63be961241008d728fcf8db72869>
    <b096d808b59a41b7a526eb1052d792f3 xmlns="2e64aaae-efe8-4b36-9ab4-486f04499e09">
      <Terms xmlns="http://schemas.microsoft.com/office/infopath/2007/PartnerControls"/>
    </b096d808b59a41b7a526eb1052d792f3>
    <Doc_x0020_Owner xmlns="c21bdecf-9e2c-4c41-a449-550529a26489">
      <UserInfo>
        <DisplayName>Weaver, Bill</DisplayName>
        <AccountId>1302</AccountId>
        <AccountType/>
      </UserInfo>
    </Doc_x0020_Owner>
    <Intellectual_x0020_Property_x0020_Type xmlns="dcc7e218-8b47-4273-ba28-07719656e1ad" xsi:nil="true"/>
    <_dlc_DocId xmlns="dcc7e218-8b47-4273-ba28-07719656e1ad">3NFDMFEUU6AB-59-117143</_dlc_DocId>
    <_dlc_DocIdUrl xmlns="dcc7e218-8b47-4273-ba28-07719656e1ad">
      <Url>https://records.oa.caiso.com/sites/GCA/legal/_layouts/15/DocIdRedir.aspx?ID=3NFDMFEUU6AB-59-117143</Url>
      <Description>3NFDMFEUU6AB-59-117143</Description>
    </_dlc_DocIdUrl>
  </documentManagement>
</p:properties>
</file>

<file path=customXml/item4.xml><?xml version="1.0" encoding="utf-8"?>
<ct:contentTypeSchema xmlns:ct="http://schemas.microsoft.com/office/2006/metadata/contentType" xmlns:ma="http://schemas.microsoft.com/office/2006/metadata/properties/metaAttributes" ct:_="" ma:_="" ma:contentTypeName="ISO Document" ma:contentTypeID="0x010100B72ED250C60CFC47AE0A3A0E8940792600DFC9B55E6CF6DC448C6A83C2A62C89DB" ma:contentTypeVersion="157" ma:contentTypeDescription="" ma:contentTypeScope="" ma:versionID="ca835bbc1b613945974fc71fb067a269">
  <xsd:schema xmlns:xsd="http://www.w3.org/2001/XMLSchema" xmlns:xs="http://www.w3.org/2001/XMLSchema" xmlns:p="http://schemas.microsoft.com/office/2006/metadata/properties" xmlns:ns1="http://schemas.microsoft.com/sharepoint/v3" xmlns:ns2="c21bdecf-9e2c-4c41-a449-550529a26489" xmlns:ns3="dcc7e218-8b47-4273-ba28-07719656e1ad" xmlns:ns4="2e64aaae-efe8-4b36-9ab4-486f04499e09" xmlns:ns5="aacef3a8-fbaf-4939-b485-706baa531e6f" targetNamespace="http://schemas.microsoft.com/office/2006/metadata/properties" ma:root="true" ma:fieldsID="a9972c52e921c84bb1d2f9b022321704" ns1:_="" ns2:_="" ns3:_="" ns4:_="" ns5:_="">
    <xsd:import namespace="http://schemas.microsoft.com/sharepoint/v3"/>
    <xsd:import namespace="c21bdecf-9e2c-4c41-a449-550529a26489"/>
    <xsd:import namespace="dcc7e218-8b47-4273-ba28-07719656e1ad"/>
    <xsd:import namespace="2e64aaae-efe8-4b36-9ab4-486f04499e09"/>
    <xsd:import namespace="aacef3a8-fbaf-4939-b485-706baa531e6f"/>
    <xsd:element name="properties">
      <xsd:complexType>
        <xsd:sequence>
          <xsd:element name="documentManagement">
            <xsd:complexType>
              <xsd:all>
                <xsd:element ref="ns2:Doc_x0020_Owner" minOccurs="0"/>
                <xsd:element ref="ns2:Doc_x0020_Status" minOccurs="0"/>
                <xsd:element ref="ns3:InfoSec_x0020_Classification" minOccurs="0"/>
                <xsd:element ref="ns3:ISO_x0020_Department" minOccurs="0"/>
                <xsd:element ref="ns3:Division" minOccurs="0"/>
                <xsd:element ref="ns3:Intellectual_x0020_Property_x0020_Type" minOccurs="0"/>
                <xsd:element ref="ns3:_dlc_DocId" minOccurs="0"/>
                <xsd:element ref="ns3:_dlc_DocIdUrl" minOccurs="0"/>
                <xsd:element ref="ns3:_dlc_DocIdPersistId" minOccurs="0"/>
                <xsd:element ref="ns3:Date_x0020_Became_x0020_Record" minOccurs="0"/>
                <xsd:element ref="ns1:_dlc_Exempt" minOccurs="0"/>
                <xsd:element ref="ns1:_dlc_ExpireDateSaved" minOccurs="0"/>
                <xsd:element ref="ns1:_dlc_ExpireDate" minOccurs="0"/>
                <xsd:element ref="ns4:b096d808b59a41b7a526eb1052d792f3" minOccurs="0"/>
                <xsd:element ref="ns4:TaxCatchAll" minOccurs="0"/>
                <xsd:element ref="ns4:TaxCatchAllLabel" minOccurs="0"/>
                <xsd:element ref="ns4:ac6042663e6544a5b5f6c47baa21cbec" minOccurs="0"/>
                <xsd:element ref="ns4:mb7a63be961241008d728fcf8db72869" minOccurs="0"/>
                <xsd:element ref="ns1:CSMeta2010Field" minOccurs="0"/>
                <xsd:element ref="ns5:SharedWithUsers" minOccurs="0"/>
                <xsd:element ref="ns5: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dlc_Exempt" ma:index="18" nillable="true" ma:displayName="Exempt from Policy" ma:hidden="true" ma:internalName="_dlc_Exempt" ma:readOnly="true">
      <xsd:simpleType>
        <xsd:restriction base="dms:Unknown"/>
      </xsd:simpleType>
    </xsd:element>
    <xsd:element name="_dlc_ExpireDateSaved" ma:index="19" nillable="true" ma:displayName="Original Expiration Date" ma:hidden="true" ma:internalName="_dlc_ExpireDateSaved" ma:readOnly="true">
      <xsd:simpleType>
        <xsd:restriction base="dms:DateTime"/>
      </xsd:simpleType>
    </xsd:element>
    <xsd:element name="_dlc_ExpireDate" ma:index="20" nillable="true" ma:displayName="Expiration Date" ma:description="" ma:hidden="true" ma:indexed="true" ma:internalName="_dlc_ExpireDate" ma:readOnly="true">
      <xsd:simpleType>
        <xsd:restriction base="dms:DateTime"/>
      </xsd:simpleType>
    </xsd:element>
    <xsd:element name="CSMeta2010Field" ma:index="29" nillable="true" ma:displayName="Classification Status" ma:hidden="true" ma:internalName="CSMeta2010Field" ma:readOnly="fals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c21bdecf-9e2c-4c41-a449-550529a26489" elementFormDefault="qualified">
    <xsd:import namespace="http://schemas.microsoft.com/office/2006/documentManagement/types"/>
    <xsd:import namespace="http://schemas.microsoft.com/office/infopath/2007/PartnerControls"/>
    <xsd:element name="Doc_x0020_Owner" ma:index="1" nillable="true" ma:displayName="Doc Owner" ma:list="UserInfo" ma:SharePointGroup="0" ma:internalName="Doc_x0020_Owner" ma:readOnly="false" ma:showField="Titl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Doc_x0020_Status" ma:index="2" nillable="true" ma:displayName="Doc Status" ma:format="Dropdown" ma:internalName="Doc_x0020_Status" ma:readOnly="false">
      <xsd:simpleType>
        <xsd:restriction base="dms:Choice">
          <xsd:enumeration value="Draft"/>
          <xsd:enumeration value="Under Review"/>
          <xsd:enumeration value="Final"/>
        </xsd:restriction>
      </xsd:simpleType>
    </xsd:element>
  </xsd:schema>
  <xsd:schema xmlns:xsd="http://www.w3.org/2001/XMLSchema" xmlns:xs="http://www.w3.org/2001/XMLSchema" xmlns:dms="http://schemas.microsoft.com/office/2006/documentManagement/types" xmlns:pc="http://schemas.microsoft.com/office/infopath/2007/PartnerControls" targetNamespace="dcc7e218-8b47-4273-ba28-07719656e1ad" elementFormDefault="qualified">
    <xsd:import namespace="http://schemas.microsoft.com/office/2006/documentManagement/types"/>
    <xsd:import namespace="http://schemas.microsoft.com/office/infopath/2007/PartnerControls"/>
    <xsd:element name="InfoSec_x0020_Classification" ma:index="3" nillable="true" ma:displayName="Information Classification" ma:format="Dropdown" ma:internalName="InfoSec_x0020_Classification">
      <xsd:simpleType>
        <xsd:restriction base="dms:Choice">
          <xsd:enumeration value="- Current Classifications -"/>
          <xsd:enumeration value="ISO Public"/>
          <xsd:enumeration value="ISO Limited Distribution - Green"/>
          <xsd:enumeration value="ISO Limited Distribution - Amber"/>
          <xsd:enumeration value="ISO Limited Distribution - Red"/>
          <xsd:enumeration value="ISO Internal Use"/>
          <xsd:enumeration value="ISO Confidential"/>
          <xsd:enumeration value="ISO Restricted"/>
          <xsd:enumeration value="- Past Classifications -"/>
          <xsd:enumeration value="CAISO Public"/>
          <xsd:enumeration value="California ISO INTERNAL USE. For use by all authorized California ISO personnel. Do not release or disclose outside the California ISO."/>
          <xsd:enumeration value="California ISO CONFIDENTIAL. For use by authorized California ISO personnel only with a need to know. Do not release or disclose outside the California ISO."/>
          <xsd:enumeration value="California ISO RESTRICTED. This information is for use solely by authorized California ISO employees with a need to know and a signed confidentiality non-disclosure agreement.  Do not release, disclose or reproduce this information."/>
          <xsd:enumeration value="PCII or CEII"/>
          <xsd:enumeration value="Privileged and Confidential. (Legal Use Only)."/>
          <xsd:enumeration value="Copyright 2019 California ISO"/>
          <xsd:enumeration value="Copyright 2018 California ISO"/>
          <xsd:enumeration value="Copyright 2017 California ISO"/>
          <xsd:enumeration value="Copyright 2016 California ISO"/>
          <xsd:enumeration value="Copyright 2015 California ISO"/>
          <xsd:enumeration value="Copyright 2014 California ISO"/>
          <xsd:enumeration value="Copyright 2013 California ISO"/>
          <xsd:enumeration value="Copyright 2012 California ISO"/>
          <xsd:enumeration value="Copyright 2011 California ISO"/>
        </xsd:restriction>
      </xsd:simpleType>
    </xsd:element>
    <xsd:element name="ISO_x0020_Department" ma:index="4" nillable="true" ma:displayName="ISO Department" ma:format="Dropdown" ma:internalName="ISO_x0020_Department">
      <xsd:simpleType>
        <xsd:restriction base="dms:Choice">
          <xsd:enumeration value="--Current Departments--"/>
          <xsd:enumeration value="Architecture and Integration"/>
          <xsd:enumeration value="Audit and Advisory Services"/>
          <xsd:enumeration value="Business Continuity"/>
          <xsd:enumeration value="California Regulatory Affairs"/>
          <xsd:enumeration value="Campus Operations"/>
          <xsd:enumeration value="Common Services and Solutions Delivery"/>
          <xsd:enumeration value="Corporate Compliance"/>
          <xsd:enumeration value="Corporate Systems"/>
          <xsd:enumeration value="Communications &amp; Public Relations"/>
          <xsd:enumeration value="Critical Systems"/>
          <xsd:enumeration value="Customer Readiness"/>
          <xsd:enumeration value="Data Science and Solutions Delivery"/>
          <xsd:enumeration value="Database &amp; Storage Engineering"/>
          <xsd:enumeration value="EMS Information Technology"/>
          <xsd:enumeration value="Enterprise Model Management"/>
          <xsd:enumeration value="Enterprise Operations"/>
          <xsd:enumeration value="Enterprise Process Design and Training"/>
          <xsd:enumeration value="External Affairs"/>
          <xsd:enumeration value="Finance"/>
          <xsd:enumeration value="General Counsel"/>
          <xsd:enumeration value="Grid Assets"/>
          <xsd:enumeration value="Human Resources"/>
          <xsd:enumeration value="Information Security"/>
          <xsd:enumeration value="Information Security Compliance"/>
          <xsd:enumeration value="ITSM"/>
          <xsd:enumeration value="Infrastructure and Operations Planning"/>
          <xsd:enumeration value="Infrastructure Compliance"/>
          <xsd:enumeration value="Legal"/>
          <xsd:enumeration value="Market Design and Analysis"/>
          <xsd:enumeration value="Market Engineering and Network Application Support"/>
          <xsd:enumeration value="Market Monitoring"/>
          <xsd:enumeration value="Market Performance &amp; Advanced Analytics"/>
          <xsd:enumeration value="Market Policy Development"/>
          <xsd:enumeration value="Market Settlement Design and Configuration"/>
          <xsd:enumeration value="Market Settlement Disputes"/>
          <xsd:enumeration value="Market Settlement Production"/>
          <xsd:enumeration value="Market Strategy and Governance"/>
          <xsd:enumeration value="Market Validation"/>
          <xsd:enumeration value="Model and Contract Implementation"/>
          <xsd:enumeration value="Network Services"/>
          <xsd:enumeration value="Operations Change Initiatives"/>
          <xsd:enumeration value="Operations Compliance"/>
          <xsd:enumeration value="Operations Metrics and Analysis"/>
          <xsd:enumeration value="Operations Planning"/>
          <xsd:enumeration value="Operations Policy &amp; Analytics"/>
          <xsd:enumeration value="Operations Training"/>
          <xsd:enumeration value="Power Systems Technology Development"/>
          <xsd:enumeration value="Procurement"/>
          <xsd:enumeration value="Project Management"/>
          <xsd:enumeration value="Queue Management"/>
          <xsd:enumeration value="Real Time Operations"/>
          <xsd:enumeration value="Regional Transmission"/>
          <xsd:enumeration value="Regulatory Contracts"/>
          <xsd:enumeration value="Reliability and Market Operations Engineering"/>
          <xsd:enumeration value="Reliability Coordination"/>
          <xsd:enumeration value="Resource Assessment and Planning"/>
          <xsd:enumeration value="Short Term Forecasting"/>
          <xsd:enumeration value="Stakeholder Engagement &amp; Customer Experience"/>
          <xsd:enumeration value="Stakeholder Engagement"/>
          <xsd:enumeration value="Strategy and Risk Management"/>
          <xsd:enumeration value="System Operations"/>
          <xsd:enumeration value="Systems Engineering &amp; Automation"/>
          <xsd:enumeration value="Transmission Infrastructure Planning"/>
          <xsd:enumeration value="Vendor Products and Quality"/>
          <xsd:enumeration value="--Past Departments--"/>
          <xsd:enumeration value="Business Planning and Operations"/>
          <xsd:enumeration value="Business Solutions"/>
          <xsd:enumeration value="Business Solutions and Quality"/>
          <xsd:enumeration value="CFO &amp; Treasurer"/>
          <xsd:enumeration value="Compensation &amp; Benefits"/>
          <xsd:enumeration value="Compliance &amp; Corporate Affairs"/>
          <xsd:enumeration value="Corporate Business Operations"/>
          <xsd:enumeration value="Corporate Secretary"/>
          <xsd:enumeration value="Customer Service and Stakeholder Affairs"/>
          <xsd:enumeration value="Customer Services &amp; Industrial Affairs"/>
          <xsd:enumeration value="Day-Ahead Market and Real-Time Operations Support"/>
          <xsd:enumeration value="Executive Advisor - Operations"/>
          <xsd:enumeration value="Executive Office"/>
          <xsd:enumeration value="Federal Affairs"/>
          <xsd:enumeration value="Government Affairs"/>
          <xsd:enumeration value="Human Resources Operations"/>
          <xsd:enumeration value="Infrastructure Contracts and Management"/>
          <xsd:enumeration value="Infrastructure Development"/>
          <xsd:enumeration value="Interconnection Implementation"/>
          <xsd:enumeration value="Internal Audit"/>
          <xsd:enumeration value="IT Architecture"/>
          <xsd:enumeration value="IT Enterprise Support &amp; Campus Operations"/>
          <xsd:enumeration value="IT Infrastructure Engineering &amp; Network Operations"/>
          <xsd:enumeration value="IT Infrastructure Engineering &amp; Systems Operations"/>
          <xsd:enumeration value="IT Operations"/>
          <xsd:enumeration value="Learning &amp; Leadership Development"/>
          <xsd:enumeration value="Market &amp; Infrastructure Compliance"/>
          <xsd:enumeration value="Market &amp; Infrastructure Policy"/>
          <xsd:enumeration value="Market Analysis &amp; Development"/>
          <xsd:enumeration value="Market Analysis and Development"/>
          <xsd:enumeration value="Market and Infrastructure Policy"/>
          <xsd:enumeration value="Market Development and Analysis"/>
          <xsd:enumeration value="Market Services"/>
          <xsd:enumeration value="Market Services Support"/>
          <xsd:enumeration value="Market Validation and Quality Analysis"/>
          <xsd:enumeration value="Operational Readiness"/>
          <xsd:enumeration value="Operations Compliance &amp; Control"/>
          <xsd:enumeration value="Operations Engineering Services"/>
          <xsd:enumeration value="Operations Process, Procedures and Training"/>
          <xsd:enumeration value="Power Systems and Smart Grid Technology Development"/>
          <xsd:enumeration value="Power Systems Technology Operations"/>
          <xsd:enumeration value="Program Office"/>
          <xsd:enumeration value="QA, Architecture and Enterprise Data Mgmt"/>
          <xsd:enumeration value="Regional Affairs"/>
          <xsd:enumeration value="Regulatory Affairs"/>
          <xsd:enumeration value="Regulatory Affairs - DER"/>
          <xsd:enumeration value="Renewable Studies"/>
          <xsd:enumeration value="Security, Architecture, Model Management &amp; Quality"/>
          <xsd:enumeration value="Short-Term Demand and Renewable Forecasting"/>
          <xsd:enumeration value="Smart Grid Technologies &amp; Strategy"/>
          <xsd:enumeration value="State Affairs"/>
          <xsd:enumeration value="State Regulatory Strategy"/>
          <xsd:enumeration value="Strategic Alliances"/>
        </xsd:restriction>
      </xsd:simpleType>
    </xsd:element>
    <xsd:element name="Division" ma:index="5" nillable="true" ma:displayName="ISO Division" ma:format="Dropdown" ma:internalName="Division">
      <xsd:simpleType>
        <xsd:restriction base="dms:Choice">
          <xsd:enumeration value="- Current Divisions -"/>
          <xsd:enumeration value="Enterprise Program Management Office"/>
          <xsd:enumeration value="Enterprise Support &amp; Campus Operations"/>
          <xsd:enumeration value="Executive Office"/>
          <xsd:enumeration value="External Affairs"/>
          <xsd:enumeration value="Finance"/>
          <xsd:enumeration value="General Counsel"/>
          <xsd:enumeration value="Human Resources"/>
          <xsd:enumeration value="Infrastructure and Operations Planning"/>
          <xsd:enumeration value="Market Design &amp; Analysis"/>
          <xsd:enumeration value="Market Monitoring"/>
          <xsd:enumeration value="Project Management Office"/>
          <xsd:enumeration value="Power Systems &amp; Market Technology"/>
          <xsd:enumeration value="Stakeholder Engagement &amp; Customer Experience"/>
          <xsd:enumeration value="System Operations"/>
          <xsd:enumeration value="- Past Divisions -"/>
          <xsd:enumeration value="Customer &amp; State Affairs"/>
          <xsd:enumeration value="Market and Infrastructure Development"/>
          <xsd:enumeration value="Market Quality &amp; Renewable Integration"/>
          <xsd:enumeration value="Operations"/>
          <xsd:enumeration value="Policy &amp; Client Services"/>
          <xsd:enumeration value="Regional &amp; Federal Affairs"/>
          <xsd:enumeration value="Technology"/>
          <xsd:enumeration value="General Counsel &amp; Administration"/>
        </xsd:restriction>
      </xsd:simpleType>
    </xsd:element>
    <xsd:element name="Intellectual_x0020_Property_x0020_Type" ma:index="9" nillable="true" ma:displayName="Intellectual Property Type" ma:format="Dropdown" ma:hidden="true" ma:internalName="Intellectual_x0020_Property_x0020_Type" ma:readOnly="false">
      <xsd:simpleType>
        <xsd:restriction base="dms:Choice">
          <xsd:enumeration value="Copyright"/>
          <xsd:enumeration value="Trademark"/>
          <xsd:enumeration value="Patent"/>
        </xsd:restriction>
      </xsd:simpleType>
    </xsd:element>
    <xsd:element name="_dlc_DocId" ma:index="11" nillable="true" ma:displayName="Document ID Value" ma:description="The value of the document ID assigned to this item." ma:internalName="_dlc_DocId" ma:readOnly="true">
      <xsd:simpleType>
        <xsd:restriction base="dms:Text"/>
      </xsd:simpleType>
    </xsd:element>
    <xsd:element name="_dlc_DocIdUrl" ma:index="12"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3" nillable="true" ma:displayName="Persist ID" ma:description="Keep ID on add." ma:hidden="true" ma:internalName="_dlc_DocIdPersistId" ma:readOnly="true">
      <xsd:simpleType>
        <xsd:restriction base="dms:Boolean"/>
      </xsd:simpleType>
    </xsd:element>
    <xsd:element name="Date_x0020_Became_x0020_Record" ma:index="17" nillable="true" ma:displayName="Date Became Record" ma:default="[today]" ma:format="DateOnly" ma:hidden="true" ma:internalName="Date_x0020_Became_x0020_Record" ma:readOnly="false">
      <xsd:simpleType>
        <xsd:restriction base="dms:DateTime"/>
      </xsd:simpleType>
    </xsd:element>
  </xsd:schema>
  <xsd:schema xmlns:xsd="http://www.w3.org/2001/XMLSchema" xmlns:xs="http://www.w3.org/2001/XMLSchema" xmlns:dms="http://schemas.microsoft.com/office/2006/documentManagement/types" xmlns:pc="http://schemas.microsoft.com/office/infopath/2007/PartnerControls" targetNamespace="2e64aaae-efe8-4b36-9ab4-486f04499e09" elementFormDefault="qualified">
    <xsd:import namespace="http://schemas.microsoft.com/office/2006/documentManagement/types"/>
    <xsd:import namespace="http://schemas.microsoft.com/office/infopath/2007/PartnerControls"/>
    <xsd:element name="b096d808b59a41b7a526eb1052d792f3" ma:index="21" nillable="true" ma:taxonomy="true" ma:internalName="b096d808b59a41b7a526eb1052d792f3" ma:taxonomyFieldName="AutoClassRecordSeries" ma:displayName="Automatically Updated Record Series" ma:readOnly="false" ma:default="" ma:fieldId="{b096d808-b59a-41b7-a526-eb1052d792f3}" ma:sspId="2e7ee6ce-ef65-4ea8-ac93-b3dccb6c50ab" ma:termSetId="7d168031-9c36-4bb0-a326-5d21d4010fef" ma:anchorId="00000000-0000-0000-0000-000000000000" ma:open="false" ma:isKeyword="false">
      <xsd:complexType>
        <xsd:sequence>
          <xsd:element ref="pc:Terms" minOccurs="0" maxOccurs="1"/>
        </xsd:sequence>
      </xsd:complexType>
    </xsd:element>
    <xsd:element name="TaxCatchAll" ma:index="22" nillable="true" ma:displayName="Taxonomy Catch All Column" ma:hidden="true" ma:list="{19243204-667d-4d3c-91c4-71aed3ed835f}" ma:internalName="TaxCatchAll" ma:showField="CatchAllData" ma:web="c21bdecf-9e2c-4c41-a449-550529a26489">
      <xsd:complexType>
        <xsd:complexContent>
          <xsd:extension base="dms:MultiChoiceLookup">
            <xsd:sequence>
              <xsd:element name="Value" type="dms:Lookup" maxOccurs="unbounded" minOccurs="0" nillable="true"/>
            </xsd:sequence>
          </xsd:extension>
        </xsd:complexContent>
      </xsd:complexType>
    </xsd:element>
    <xsd:element name="TaxCatchAllLabel" ma:index="23" nillable="true" ma:displayName="Taxonomy Catch All Column1" ma:hidden="true" ma:list="{19243204-667d-4d3c-91c4-71aed3ed835f}" ma:internalName="TaxCatchAllLabel" ma:readOnly="true" ma:showField="CatchAllDataLabel" ma:web="c21bdecf-9e2c-4c41-a449-550529a26489">
      <xsd:complexType>
        <xsd:complexContent>
          <xsd:extension base="dms:MultiChoiceLookup">
            <xsd:sequence>
              <xsd:element name="Value" type="dms:Lookup" maxOccurs="unbounded" minOccurs="0" nillable="true"/>
            </xsd:sequence>
          </xsd:extension>
        </xsd:complexContent>
      </xsd:complexType>
    </xsd:element>
    <xsd:element name="ac6042663e6544a5b5f6c47baa21cbec" ma:index="25" nillable="true" ma:taxonomy="true" ma:internalName="ac6042663e6544a5b5f6c47baa21cbec" ma:taxonomyFieldName="AutoClassDocumentType" ma:displayName="Automatically Updated Document Type" ma:readOnly="false" ma:default="" ma:fieldId="{ac604266-3e65-44a5-b5f6-c47baa21cbec}" ma:sspId="2e7ee6ce-ef65-4ea8-ac93-b3dccb6c50ab" ma:termSetId="0970d2fb-dc85-4fb5-b352-cf8dd925641e" ma:anchorId="00000000-0000-0000-0000-000000000000" ma:open="false" ma:isKeyword="false">
      <xsd:complexType>
        <xsd:sequence>
          <xsd:element ref="pc:Terms" minOccurs="0" maxOccurs="1"/>
        </xsd:sequence>
      </xsd:complexType>
    </xsd:element>
    <xsd:element name="mb7a63be961241008d728fcf8db72869" ma:index="27" nillable="true" ma:taxonomy="true" ma:internalName="mb7a63be961241008d728fcf8db72869" ma:taxonomyFieldName="AutoClassTopic" ma:displayName="Automatically Updated Topic" ma:readOnly="false" ma:default="" ma:fieldId="{6b7a63be-9612-4100-8d72-8fcf8db72869}" ma:taxonomyMulti="true" ma:sspId="2e7ee6ce-ef65-4ea8-ac93-b3dccb6c50ab" ma:termSetId="8b5665c4-6659-459b-90b1-69777ba5afad" ma:anchorId="00000000-0000-0000-0000-000000000000" ma:open="fals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aacef3a8-fbaf-4939-b485-706baa531e6f" elementFormDefault="qualified">
    <xsd:import namespace="http://schemas.microsoft.com/office/2006/documentManagement/types"/>
    <xsd:import namespace="http://schemas.microsoft.com/office/infopath/2007/PartnerControls"/>
    <xsd:element name="SharedWithUsers" ma:index="3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3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14"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SharedContentType xmlns="Microsoft.SharePoint.Taxonomy.ContentTypeSync" SourceId="c1ea9f00-2c89-4a86-aea0-dbfd1bc7b96c" ContentTypeId="0x010100B72ED250C60CFC47AE0A3A0E89407926" PreviousValue="false"/>
</file>

<file path=customXml/item6.xml><?xml version="1.0" encoding="utf-8"?>
<?mso-contentType ?>
<customXsn xmlns="http://schemas.microsoft.com/office/2006/metadata/customXsn">
  <xsnLocation/>
  <cached>True</cached>
  <openByDefault>True</openByDefault>
  <xsnScope>http://tstrs01:20582/sites/GCA</xsnScope>
</customXsn>
</file>

<file path=customXml/item7.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4.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4.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4.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4.0.0.0, Culture=neutral, PublicKeyToken=71e9bce111e9429c</Assembly>
    <Class>Microsoft.Office.DocumentManagement.Internal.DocIdHandler</Class>
    <Data/>
    <Filter/>
  </Receiver>
  <Receiver>
    <Name>ItemUpdatedEventHandlerForConceptSearch</Name>
    <Synchronization>Asynchronous</Synchronization>
    <Type>10002</Type>
    <SequenceNumber>10001</SequenceNumber>
    <Url/>
    <Assembly>conceptSearching.Sharepoint.ContentTypes2010, Version=1.0.0.0, Culture=neutral, PublicKeyToken=858f8f13980e4745</Assembly>
    <Class>conceptSearching.Sharepoint.ContentTypes2010.CSHandleEvent</Class>
    <Data/>
    <Filter/>
  </Receiver>
  <Receiver>
    <Name>ItemUpdatingEventHandlerForConceptSearch</Name>
    <Synchronization>Synchronous</Synchronization>
    <Type>2</Type>
    <SequenceNumber>10001</SequenceNumber>
    <Url/>
    <Assembly>conceptSearching.Sharepoint.ContentTypes2010, Version=1.0.0.0, Culture=neutral, PublicKeyToken=858f8f13980e4745</Assembly>
    <Class>conceptSearching.Sharepoint.ContentTypes2010.CSHandleEvent</Class>
    <Data/>
    <Filter/>
  </Receiver>
  <Receiver>
    <Name>ItemCheckedInEventHandlerForConceptSearch</Name>
    <Synchronization>Asynchronous</Synchronization>
    <Type>10004</Type>
    <SequenceNumber>10002</SequenceNumber>
    <Url/>
    <Assembly>conceptSearching.Sharepoint.ContentTypes2010, Version=1.0.0.0, Culture=neutral, PublicKeyToken=858f8f13980e4745</Assembly>
    <Class>conceptSearching.Sharepoint.ContentTypes2010.CSHandleEvent</Class>
    <Data/>
    <Filter/>
  </Receiver>
  <Receiver>
    <Name>ItemUncheckedOutEventHandlerForConceptSearch</Name>
    <Synchronization>Asynchronous</Synchronization>
    <Type>10006</Type>
    <SequenceNumber>10003</SequenceNumber>
    <Url/>
    <Assembly>conceptSearching.Sharepoint.ContentTypes2010, Version=1.0.0.0, Culture=neutral, PublicKeyToken=858f8f13980e4745</Assembly>
    <Class>conceptSearching.Sharepoint.ContentTypes2010.CSHandleEvent</Class>
    <Data/>
    <Filter/>
  </Receiver>
  <Receiver>
    <Name>ItemAddedEventHandlerForConceptSearch</Name>
    <Synchronization>Asynchronous</Synchronization>
    <Type>10001</Type>
    <SequenceNumber>10004</SequenceNumber>
    <Url/>
    <Assembly>conceptSearching.Sharepoint.ContentTypes2010, Version=1.0.0.0, Culture=neutral, PublicKeyToken=858f8f13980e4745</Assembly>
    <Class>conceptSearching.Sharepoint.ContentTypes2010.CSHandleEvent</Class>
    <Data/>
    <Filter/>
  </Receiver>
  <Receiver>
    <Name>ItemFileMovedEventHandlerForConceptSearch</Name>
    <Synchronization>Asynchronous</Synchronization>
    <Type>10009</Type>
    <SequenceNumber>10005</SequenceNumber>
    <Url/>
    <Assembly>conceptSearching.Sharepoint.ContentTypes2010, Version=1.0.0.0, Culture=neutral, PublicKeyToken=858f8f13980e4745</Assembly>
    <Class>conceptSearching.Sharepoint.ContentTypes2010.CSHandleEvent</Class>
    <Data/>
    <Filter/>
  </Receiver>
  <Receiver>
    <Name>ItemDeletedEventHandlerForConceptSearch</Name>
    <Synchronization>Asynchronous</Synchronization>
    <Type>10003</Type>
    <SequenceNumber>10006</SequenceNumber>
    <Url/>
    <Assembly>conceptSearching.Sharepoint.ContentTypes2010, Version=1.0.0.0, Culture=neutral, PublicKeyToken=858f8f13980e4745</Assembly>
    <Class>conceptSearching.Sharepoint.ContentTypes2010.CSHandleEvent</Class>
    <Data/>
    <Filter/>
  </Receiver>
</spe:Receivers>
</file>

<file path=customXml/item8.xml><?xml version="1.0" encoding="utf-8"?>
<p:properties xmlns:p="http://schemas.microsoft.com/office/2006/metadata/properties" xmlns:xsi="http://www.w3.org/2001/XMLSchema-instance" xmlns:pc="http://schemas.microsoft.com/office/infopath/2007/PartnerControls">
  <documentManagement/>
</p:properties>
</file>

<file path=customXml/item9.xml><?xml version="1.0" encoding="utf-8"?>
<ct:contentTypeSchema xmlns:ct="http://schemas.microsoft.com/office/2006/metadata/contentType" xmlns:ma="http://schemas.microsoft.com/office/2006/metadata/properties/metaAttributes" ct:_="" ma:_="" ma:contentTypeName="Document" ma:contentTypeID="0x0101003C4558D17C5424438ED9E058A452A00D" ma:contentTypeVersion="1" ma:contentTypeDescription="Create a new document." ma:contentTypeScope="" ma:versionID="58968a46a1bad65155eeaa79ec003be2">
  <xsd:schema xmlns:xsd="http://www.w3.org/2001/XMLSchema" xmlns:xs="http://www.w3.org/2001/XMLSchema" xmlns:p="http://schemas.microsoft.com/office/2006/metadata/properties" xmlns:ns2="2613f182-e424-487f-ac7f-33bed2fc986a" targetNamespace="http://schemas.microsoft.com/office/2006/metadata/properties" ma:root="true" ma:fieldsID="6c900d0cb3a38c97dc51f7485df35394" ns2:_="">
    <xsd:import namespace="2613f182-e424-487f-ac7f-33bed2fc986a"/>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13f182-e424-487f-ac7f-33bed2fc986a"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1F93205D-764D-4E13-B0BF-2B1CEE696F4F}">
  <ds:schemaRefs>
    <ds:schemaRef ds:uri="http://schemas.microsoft.com/sharepoint/v3/contenttype/forms"/>
  </ds:schemaRefs>
</ds:datastoreItem>
</file>

<file path=customXml/itemProps2.xml><?xml version="1.0" encoding="utf-8"?>
<ds:datastoreItem xmlns:ds="http://schemas.openxmlformats.org/officeDocument/2006/customXml" ds:itemID="{2F920C3B-6CB6-4964-B248-426CE30D1BBF}">
  <ds:schemaRefs>
    <ds:schemaRef ds:uri="http://schemas.microsoft.com/sharepoint/v3/contenttype/forms"/>
  </ds:schemaRefs>
</ds:datastoreItem>
</file>

<file path=customXml/itemProps3.xml><?xml version="1.0" encoding="utf-8"?>
<ds:datastoreItem xmlns:ds="http://schemas.openxmlformats.org/officeDocument/2006/customXml" ds:itemID="{DE3C13FC-2E79-4A25-AEDD-0979298A712C}">
  <ds:schemaRefs>
    <ds:schemaRef ds:uri="http://schemas.microsoft.com/office/2006/metadata/properties"/>
    <ds:schemaRef ds:uri="http://schemas.microsoft.com/office/infopath/2007/PartnerControls"/>
    <ds:schemaRef ds:uri="2e64aaae-efe8-4b36-9ab4-486f04499e09"/>
    <ds:schemaRef ds:uri="http://schemas.microsoft.com/sharepoint/v3"/>
    <ds:schemaRef ds:uri="dcc7e218-8b47-4273-ba28-07719656e1ad"/>
    <ds:schemaRef ds:uri="c21bdecf-9e2c-4c41-a449-550529a26489"/>
  </ds:schemaRefs>
</ds:datastoreItem>
</file>

<file path=customXml/itemProps4.xml><?xml version="1.0" encoding="utf-8"?>
<ds:datastoreItem xmlns:ds="http://schemas.openxmlformats.org/officeDocument/2006/customXml" ds:itemID="{666EA330-3A70-4903-BDEC-39A5E9C57DB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c21bdecf-9e2c-4c41-a449-550529a26489"/>
    <ds:schemaRef ds:uri="dcc7e218-8b47-4273-ba28-07719656e1ad"/>
    <ds:schemaRef ds:uri="2e64aaae-efe8-4b36-9ab4-486f04499e09"/>
    <ds:schemaRef ds:uri="aacef3a8-fbaf-4939-b485-706baa531e6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52743B06-2EA3-42A9-ACFA-3257F02E2ABE}">
  <ds:schemaRefs>
    <ds:schemaRef ds:uri="Microsoft.SharePoint.Taxonomy.ContentTypeSync"/>
  </ds:schemaRefs>
</ds:datastoreItem>
</file>

<file path=customXml/itemProps6.xml><?xml version="1.0" encoding="utf-8"?>
<ds:datastoreItem xmlns:ds="http://schemas.openxmlformats.org/officeDocument/2006/customXml" ds:itemID="{57937A16-62C9-47C9-9018-16318F59038D}">
  <ds:schemaRefs>
    <ds:schemaRef ds:uri="http://schemas.microsoft.com/office/2006/metadata/customXsn"/>
  </ds:schemaRefs>
</ds:datastoreItem>
</file>

<file path=customXml/itemProps7.xml><?xml version="1.0" encoding="utf-8"?>
<ds:datastoreItem xmlns:ds="http://schemas.openxmlformats.org/officeDocument/2006/customXml" ds:itemID="{E9F4AA8C-B673-4699-B3CE-0F1BC4C31F78}">
  <ds:schemaRefs>
    <ds:schemaRef ds:uri="http://schemas.microsoft.com/sharepoint/events"/>
  </ds:schemaRefs>
</ds:datastoreItem>
</file>

<file path=customXml/itemProps8.xml><?xml version="1.0" encoding="utf-8"?>
<ds:datastoreItem xmlns:ds="http://schemas.openxmlformats.org/officeDocument/2006/customXml" ds:itemID="{3BEBCF14-26EB-4755-AB53-34FDBFD9AEAA}">
  <ds:schemaRefs>
    <ds:schemaRef ds:uri="http://schemas.microsoft.com/office/2006/metadata/properties"/>
    <ds:schemaRef ds:uri="http://schemas.microsoft.com/office/infopath/2007/PartnerControls"/>
  </ds:schemaRefs>
</ds:datastoreItem>
</file>

<file path=customXml/itemProps9.xml><?xml version="1.0" encoding="utf-8"?>
<ds:datastoreItem xmlns:ds="http://schemas.openxmlformats.org/officeDocument/2006/customXml" ds:itemID="{9CA5608A-72E2-42FE-B422-CF95F353CDF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613f182-e424-487f-ac7f-33bed2fc986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3</Pages>
  <Words>3555</Words>
  <Characters>20269</Characters>
  <Application>Microsoft Office Word</Application>
  <DocSecurity>0</DocSecurity>
  <Lines>168</Lines>
  <Paragraphs>4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377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4-04-08T23:22:00Z</dcterms:created>
  <dcterms:modified xsi:type="dcterms:W3CDTF">2024-04-08T23: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C4558D17C5424438ED9E058A452A00D</vt:lpwstr>
  </property>
  <property fmtid="{D5CDD505-2E9C-101B-9397-08002B2CF9AE}" pid="3" name="_dlc_policyId">
    <vt:lpwstr>/sites/GCA/legal/Records</vt:lpwstr>
  </property>
  <property fmtid="{D5CDD505-2E9C-101B-9397-08002B2CF9AE}" pid="4" name="ItemRetentionFormula">
    <vt:lpwstr/>
  </property>
  <property fmtid="{D5CDD505-2E9C-101B-9397-08002B2CF9AE}" pid="5" name="_dlc_DocIdItemGuid">
    <vt:lpwstr>1ff73680-495e-415f-b110-3f5ce40e5cbf</vt:lpwstr>
  </property>
  <property fmtid="{D5CDD505-2E9C-101B-9397-08002B2CF9AE}" pid="6" name="AutoClassRecordSeries">
    <vt:lpwstr/>
  </property>
  <property fmtid="{D5CDD505-2E9C-101B-9397-08002B2CF9AE}" pid="7" name="AutoClassTopic">
    <vt:lpwstr/>
  </property>
  <property fmtid="{D5CDD505-2E9C-101B-9397-08002B2CF9AE}" pid="8" name="AutoClassDocumentType">
    <vt:lpwstr/>
  </property>
</Properties>
</file>